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sldIdLst>
    <p:sldId id="268" r:id="rId2"/>
    <p:sldId id="28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116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77" d="100"/>
          <a:sy n="77" d="100"/>
        </p:scale>
        <p:origin x="86" y="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38A84D9-8D30-4E27-81A1-C16B003624CA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2097DF5-B172-4E53-B7DC-8109A05347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8255786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B4D4F4A-4DC8-411F-B431-2F27850542FB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02014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3BC750-C60D-4E72-B389-427520A28D0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2875639-B245-4F90-AE9C-03610AD4005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4736E8A-DD65-45E8-B647-8C647C0C34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61554B-2B53-40C4-AF68-8F1303BF9E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A6B650-5C26-4630-AE88-1266328CB5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8299716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C1E471-EBDA-425C-A111-88D1020F40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7D1AD35-1CEF-48AC-8295-275AD8595D3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302C44-A36B-4641-A094-5667D841D5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0502EB-3B35-4B8B-8F0E-CC3563D593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A4A812-6126-45FE-AEE6-137DCA4643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3169679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3EBA91-D615-403D-8CF1-56A2439BFE0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4792FC0-4095-4277-9FE6-9D5689FE61C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226D35-00AB-49CF-B747-3D30D821702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A3A526-0095-421F-8BD1-519D4154A2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510279E-12F1-4929-8562-6F23A4EC8CD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829741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D264AF-7A9A-43F7-BE2E-DDE9ECB4DA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080A360-A400-4FCF-A484-622AB25D34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4FBEE19-0606-40C6-8809-92ECE5F8F6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862E57A-F565-41C2-AA2C-BB4DCAAD69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FD611B-B488-4664-88D0-351F5B6140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33948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625FAC-1AD9-429B-B7B3-44EAA7FAA9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27B7D0E-8709-4BD2-96AE-12786EE20C2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BE50C9-35C5-4FFD-97A0-F55B28AF7F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70244E1-46EE-43F1-A1DF-A96CCCF51B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775F58E-316B-465A-BC26-8DFC72D12A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653390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690771-5ED8-4B39-9B63-5EC0A76780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AFCDAC8-917E-4478-83F2-22696328E87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90B56E-7FC4-4CD9-BB40-358DFF57018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2E04ED-2A77-44B7-B37B-D629BE8755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91F9692-C473-43E6-AA0D-DEB831F30F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7A7AA52-4155-4B2A-86BE-CB7855A17D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398990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265998-55E4-48CF-9FC9-A1894829A4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5BC3A3F-224F-4617-8A66-224AEE69E64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E0AFE92-74FE-44E7-B627-C2FD040ECFB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70AA51C-8B94-4B38-BA7B-F0C606DDB66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CBA45-08E0-4F69-A165-2910F629980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9E49A47-D6AE-4CA9-B796-3895697E5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4487149-13E9-4CC7-8BDF-F93C006391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66808FE-CA0C-4720-B44C-4CC95C827A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571528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86302C-8D03-4079-8EFF-92B656468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ECE9970-39D2-48AC-A867-711E8A5D2D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5921634-0F37-495D-9D0B-5D6C52A3FD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AA11340-CE5B-4AD1-B364-0168DBAB7F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55162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5BE47A3-9902-4DEA-88CE-302B133C2F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568D16F-5DE2-403D-B357-9D7FCE2CDD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46C2048-89EA-4E09-B669-D3A1FA1CE3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38792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6B0F18-F1A8-4C63-9113-E6C7950E50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D2EA193-1BBE-4310-A2EE-FCCBD3B1E0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D66989-6E28-42FD-85DB-FDBF44ACE5F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760554A-8AAA-4F1B-9FA0-702D0B531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FF05D43-AFB1-4BBA-B2D2-35759F1D2F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DC8BE95-18FB-4A61-954C-BCF171ED19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87282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2FBC50-2617-40D9-9FC6-12ED07CAF2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9A87AEB-6D18-4C87-BEA0-E7AF12CB1ED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267977E-D1A5-40D8-9B8A-1FF9C541A4E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27AE788-6E90-43A2-8513-84DFD5C938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B4ECBE5-72C3-48E4-8434-6FEDD5E4DF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CC048A7-E7A4-4468-8F5D-5353323FD6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676320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2E5BC21-5704-449F-9A9E-AAF38173CE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FE98852-7621-4280-A718-80DE3EBBADA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2B0CD7-4C3B-488D-802A-0E62D95B092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973D7F5-1638-4364-873A-B5BDB5FA822E}" type="datetimeFigureOut">
              <a:rPr lang="en-GB" smtClean="0"/>
              <a:t>16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4456A44-E478-4990-B35D-3E066ED8A30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781701-8D11-413A-A49D-CC7AAFFCD82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02BF1D-22AB-4E4E-B6EA-76E5007C58F3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559722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slideLayout" Target="../slideLayouts/slideLayout6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notesSlide" Target="../notesSlides/notesSlide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SL_81017b7f50f049d2bbe2c732e34d427b_BackgroundRectangle">
            <a:extLst>
              <a:ext uri="{FF2B5EF4-FFF2-40B4-BE49-F238E27FC236}">
                <a16:creationId xmlns:a16="http://schemas.microsoft.com/office/drawing/2014/main" id="{CB9D2ABF-19F4-480C-AFB2-D5E1E50E290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6365320"/>
            <a:ext cx="11264900" cy="279400"/>
          </a:xfrm>
          <a:prstGeom prst="rect">
            <a:avLst/>
          </a:prstGeom>
          <a:solidFill>
            <a:srgbClr val="87BBA2">
              <a:alpha val="5568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4169" name="OTLSHAPE_T_9a6b3e19e195409d8f5cd14073dbb2a3_HorizontalConnector1"/>
          <p:cNvCxnSpPr/>
          <p:nvPr>
            <p:custDataLst>
              <p:tags r:id="rId3"/>
            </p:custDataLst>
          </p:nvPr>
        </p:nvCxnSpPr>
        <p:spPr>
          <a:xfrm>
            <a:off x="861568" y="2725415"/>
            <a:ext cx="1499157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8" name="OTLSHAPE_T_68b1b569e4a141218edc9f90bab9c932_HorizontalConnector1"/>
          <p:cNvCxnSpPr/>
          <p:nvPr>
            <p:custDataLst>
              <p:tags r:id="rId4"/>
            </p:custDataLst>
          </p:nvPr>
        </p:nvCxnSpPr>
        <p:spPr>
          <a:xfrm>
            <a:off x="1460035" y="2458715"/>
            <a:ext cx="1652605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7" name="OTLSHAPE_T_207a4a97c6884e23a34a41a0de3fb19a_HorizontalConnector1"/>
          <p:cNvCxnSpPr/>
          <p:nvPr>
            <p:custDataLst>
              <p:tags r:id="rId5"/>
            </p:custDataLst>
          </p:nvPr>
        </p:nvCxnSpPr>
        <p:spPr>
          <a:xfrm>
            <a:off x="1963463" y="2192015"/>
            <a:ext cx="1961940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6" name="OTLSHAPE_T_403d2136a3114023ad89a5c0421b0c5b_HorizontalConnector1"/>
          <p:cNvCxnSpPr/>
          <p:nvPr>
            <p:custDataLst>
              <p:tags r:id="rId6"/>
            </p:custDataLst>
          </p:nvPr>
        </p:nvCxnSpPr>
        <p:spPr>
          <a:xfrm>
            <a:off x="2064978" y="1391915"/>
            <a:ext cx="4797612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65" name="OTLSHAPE_T_6644b494266e48abbcb6f32eef0dad68_HorizontalConnector1"/>
          <p:cNvCxnSpPr/>
          <p:nvPr>
            <p:custDataLst>
              <p:tags r:id="rId7"/>
            </p:custDataLst>
          </p:nvPr>
        </p:nvCxnSpPr>
        <p:spPr>
          <a:xfrm>
            <a:off x="1425109" y="1125215"/>
            <a:ext cx="7076707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7f1c39df743d4e3184fa3ada11647b8e_HorizontalConnector1">
            <a:extLst>
              <a:ext uri="{FF2B5EF4-FFF2-40B4-BE49-F238E27FC236}">
                <a16:creationId xmlns:a16="http://schemas.microsoft.com/office/drawing/2014/main" id="{976CB290-88F5-4CC3-BC3E-866E00C4CA4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57784" y="1658615"/>
            <a:ext cx="5976755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_c9018cf9ee9d48029f29ee4de0fb45b7_HorizontalConnector1">
            <a:extLst>
              <a:ext uri="{FF2B5EF4-FFF2-40B4-BE49-F238E27FC236}">
                <a16:creationId xmlns:a16="http://schemas.microsoft.com/office/drawing/2014/main" id="{5C90385B-103F-4239-98AC-E3D526594F9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02749" y="1925315"/>
            <a:ext cx="4864414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93" name="OTLSHAPE_M_8a8426e75c4a41698c08ea72936c9d0d_Connector1">
            <a:extLst>
              <a:ext uri="{FF2B5EF4-FFF2-40B4-BE49-F238E27FC236}">
                <a16:creationId xmlns:a16="http://schemas.microsoft.com/office/drawing/2014/main" id="{37D8A873-1127-44E8-B249-FA5AD2028DE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230028" y="4335818"/>
            <a:ext cx="0" cy="503386"/>
          </a:xfrm>
          <a:prstGeom prst="line">
            <a:avLst/>
          </a:prstGeom>
          <a:ln w="9525" cap="flat" cmpd="sng" algn="ctr">
            <a:solidFill>
              <a:srgbClr val="BB0A2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96" name="OTLSHAPE_M_9030f16c7b85464b8b94cdd430a5c0b5_Connector1">
            <a:extLst>
              <a:ext uri="{FF2B5EF4-FFF2-40B4-BE49-F238E27FC236}">
                <a16:creationId xmlns:a16="http://schemas.microsoft.com/office/drawing/2014/main" id="{F2A0F6C7-D4C0-48F6-810A-D9631F9595A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887849" y="4335818"/>
            <a:ext cx="0" cy="541485"/>
          </a:xfrm>
          <a:prstGeom prst="line">
            <a:avLst/>
          </a:prstGeom>
          <a:ln w="9525" cap="flat" cmpd="sng" algn="ctr">
            <a:solidFill>
              <a:srgbClr val="BB0A2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00" name="OTLSHAPE_M_1ccf9205e6f2441186be8cf35481de7f_Connector1">
            <a:extLst>
              <a:ext uri="{FF2B5EF4-FFF2-40B4-BE49-F238E27FC236}">
                <a16:creationId xmlns:a16="http://schemas.microsoft.com/office/drawing/2014/main" id="{3F5163CB-A3DE-45AA-9B6B-F5C6C3EBDC7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1121056" y="4311223"/>
            <a:ext cx="0" cy="527981"/>
          </a:xfrm>
          <a:prstGeom prst="line">
            <a:avLst/>
          </a:prstGeom>
          <a:ln w="9525" cap="flat" cmpd="sng" algn="ctr">
            <a:solidFill>
              <a:srgbClr val="87BBA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01" name="OTLSHAPE_T_0aaf2ef6c3bd48d486d9dd3fef94d7b8_HorizontalConnector1">
            <a:extLst>
              <a:ext uri="{FF2B5EF4-FFF2-40B4-BE49-F238E27FC236}">
                <a16:creationId xmlns:a16="http://schemas.microsoft.com/office/drawing/2014/main" id="{E19F4A18-7411-491A-8054-24F82B8F65C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73235" y="858515"/>
            <a:ext cx="7748127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02" name="OTLSHAPE_T_a8615542293a4cdfb5e99580d663d5c3_HorizontalConnector1">
            <a:extLst>
              <a:ext uri="{FF2B5EF4-FFF2-40B4-BE49-F238E27FC236}">
                <a16:creationId xmlns:a16="http://schemas.microsoft.com/office/drawing/2014/main" id="{A5EA2901-F1F1-4507-AAAC-A70DC68E0A66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98702" y="2992115"/>
            <a:ext cx="540310" cy="0"/>
          </a:xfrm>
          <a:prstGeom prst="line">
            <a:avLst/>
          </a:prstGeom>
          <a:ln w="9525" cap="flat" cmpd="sng" algn="ctr">
            <a:solidFill>
              <a:srgbClr val="B8D5E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4461b4ad56e1427dbe253fd40151634d_Connector1">
            <a:extLst>
              <a:ext uri="{FF2B5EF4-FFF2-40B4-BE49-F238E27FC236}">
                <a16:creationId xmlns:a16="http://schemas.microsoft.com/office/drawing/2014/main" id="{4984D64F-307F-41B1-8EFC-73666E24F6F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299074" y="4224354"/>
            <a:ext cx="0" cy="889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4461b4ad56e1427dbe253fd40151634d_Connector2">
            <a:extLst>
              <a:ext uri="{FF2B5EF4-FFF2-40B4-BE49-F238E27FC236}">
                <a16:creationId xmlns:a16="http://schemas.microsoft.com/office/drawing/2014/main" id="{27879F5E-6581-4AD8-85AF-895B2E62F62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299074" y="4648703"/>
            <a:ext cx="0" cy="190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47cb6e371c524f1b94c535343ec84c12_Connector1">
            <a:extLst>
              <a:ext uri="{FF2B5EF4-FFF2-40B4-BE49-F238E27FC236}">
                <a16:creationId xmlns:a16="http://schemas.microsoft.com/office/drawing/2014/main" id="{031C7893-A0A8-E18F-B86A-2C569522C8A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216642" y="3870532"/>
            <a:ext cx="0" cy="889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47cb6e371c524f1b94c535343ec84c12_Connector2">
            <a:extLst>
              <a:ext uri="{FF2B5EF4-FFF2-40B4-BE49-F238E27FC236}">
                <a16:creationId xmlns:a16="http://schemas.microsoft.com/office/drawing/2014/main" id="{D4C65A25-D468-BF73-56F2-4D5F5D62B21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216642" y="4145487"/>
            <a:ext cx="0" cy="693716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144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1092200" y="4940803"/>
            <a:ext cx="104013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3262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81017b7f50f049d2bbe2c732e34d427b_HeaderRectangle">
            <a:extLst>
              <a:ext uri="{FF2B5EF4-FFF2-40B4-BE49-F238E27FC236}">
                <a16:creationId xmlns:a16="http://schemas.microsoft.com/office/drawing/2014/main" id="{D5C28467-1086-406B-BDC7-F9A1CC1A1887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6365320"/>
            <a:ext cx="1066800" cy="279400"/>
          </a:xfrm>
          <a:prstGeom prst="rect">
            <a:avLst/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2" name="OTLSHAPE_G_00000000000000000000000000000000_ShapeBelow0">
            <a:extLst>
              <a:ext uri="{FF2B5EF4-FFF2-40B4-BE49-F238E27FC236}">
                <a16:creationId xmlns:a16="http://schemas.microsoft.com/office/drawing/2014/main" id="{6DF4602B-B124-434E-A842-5F8D61642B8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695768" y="5321803"/>
            <a:ext cx="0" cy="1322917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1">
            <a:extLst>
              <a:ext uri="{FF2B5EF4-FFF2-40B4-BE49-F238E27FC236}">
                <a16:creationId xmlns:a16="http://schemas.microsoft.com/office/drawing/2014/main" id="{BB67DEDD-15B1-416F-A303-E6DEF85BF867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134237" y="5321803"/>
            <a:ext cx="0" cy="1322917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2">
            <a:extLst>
              <a:ext uri="{FF2B5EF4-FFF2-40B4-BE49-F238E27FC236}">
                <a16:creationId xmlns:a16="http://schemas.microsoft.com/office/drawing/2014/main" id="{B9F3B0A0-D095-4FC0-B55E-121549A0D3B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572705" y="5321803"/>
            <a:ext cx="0" cy="1322917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3">
            <a:extLst>
              <a:ext uri="{FF2B5EF4-FFF2-40B4-BE49-F238E27FC236}">
                <a16:creationId xmlns:a16="http://schemas.microsoft.com/office/drawing/2014/main" id="{1E9A7046-5CC4-4FC9-8C1D-680DEA6E240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011174" y="5321803"/>
            <a:ext cx="0" cy="1322917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G_00000000000000000000000000000000_ShapeBelow4">
            <a:extLst>
              <a:ext uri="{FF2B5EF4-FFF2-40B4-BE49-F238E27FC236}">
                <a16:creationId xmlns:a16="http://schemas.microsoft.com/office/drawing/2014/main" id="{0B878E2D-897A-42E0-A075-B0A547A544C0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449642" y="5321803"/>
            <a:ext cx="0" cy="1322917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G_00000000000000000000000000000000_ShapeBelow5">
            <a:extLst>
              <a:ext uri="{FF2B5EF4-FFF2-40B4-BE49-F238E27FC236}">
                <a16:creationId xmlns:a16="http://schemas.microsoft.com/office/drawing/2014/main" id="{D3EA7145-F1FC-40D3-90CB-9DF90185B9D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888111" y="5321803"/>
            <a:ext cx="0" cy="1322917"/>
          </a:xfrm>
          <a:prstGeom prst="line">
            <a:avLst/>
          </a:prstGeom>
          <a:ln w="9525" cap="flat" cmpd="sng" algn="ctr">
            <a:solidFill>
              <a:srgbClr val="619BAF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152" name="OTLSHAPE_SLM_f12219216484484288f694dd187a1874_Shape">
            <a:extLst>
              <a:ext uri="{FF2B5EF4-FFF2-40B4-BE49-F238E27FC236}">
                <a16:creationId xmlns:a16="http://schemas.microsoft.com/office/drawing/2014/main" id="{458BA638-C1FE-45C8-B1F7-4E6CAA94DE8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742837" y="640342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55" name="OTLSHAPE_SLM_d9f85e0bda4243a099afc067c6802cd1_Shape">
            <a:extLst>
              <a:ext uri="{FF2B5EF4-FFF2-40B4-BE49-F238E27FC236}">
                <a16:creationId xmlns:a16="http://schemas.microsoft.com/office/drawing/2014/main" id="{B06E148D-CBDF-48A0-9FC6-140925F3DF0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373180" y="640342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58" name="OTLSHAPE_SLM_654400861b0c44c1919773b000a002cd_Shape">
            <a:extLst>
              <a:ext uri="{FF2B5EF4-FFF2-40B4-BE49-F238E27FC236}">
                <a16:creationId xmlns:a16="http://schemas.microsoft.com/office/drawing/2014/main" id="{2876CE4E-0F3D-4E08-A3E3-D18EB34D280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126819" y="640342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_81017b7f50f049d2bbe2c732e34d427b_Header">
            <a:extLst>
              <a:ext uri="{FF2B5EF4-FFF2-40B4-BE49-F238E27FC236}">
                <a16:creationId xmlns:a16="http://schemas.microsoft.com/office/drawing/2014/main" id="{5954E53E-A622-42D3-94FC-B499825A638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6411992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rgbClr val="011627"/>
                </a:solidFill>
                <a:latin typeface="Calibri" panose="020F0502020204030204" pitchFamily="34" charset="0"/>
              </a:rPr>
              <a:t>Revisions</a:t>
            </a:r>
          </a:p>
        </p:txBody>
      </p:sp>
      <p:sp>
        <p:nvSpPr>
          <p:cNvPr id="34148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1320800" y="5038275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 dirty="0">
                <a:solidFill>
                  <a:srgbClr val="C9E4CA"/>
                </a:solidFill>
                <a:latin typeface="Corbel" panose="020B0503020204020204" pitchFamily="34" charset="0"/>
              </a:rPr>
              <a:t>Week 1</a:t>
            </a:r>
          </a:p>
        </p:txBody>
      </p:sp>
      <p:sp>
        <p:nvSpPr>
          <p:cNvPr id="34150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759269" y="5038275"/>
            <a:ext cx="80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C9E4CA"/>
                </a:solidFill>
                <a:latin typeface="Corbel" panose="020B0503020204020204" pitchFamily="34" charset="0"/>
              </a:rPr>
              <a:t>6</a:t>
            </a:r>
          </a:p>
        </p:txBody>
      </p:sp>
      <p:sp>
        <p:nvSpPr>
          <p:cNvPr id="34113" name="OTLSHAPE_TB_00000000000000000000000000000000_TimescaleInterval3">
            <a:extLst>
              <a:ext uri="{FF2B5EF4-FFF2-40B4-BE49-F238E27FC236}">
                <a16:creationId xmlns:a16="http://schemas.microsoft.com/office/drawing/2014/main" id="{78FE9262-4CA8-4646-AA8A-AC44442BF5F6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197737" y="5038275"/>
            <a:ext cx="137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 dirty="0">
                <a:solidFill>
                  <a:srgbClr val="C9E4CA"/>
                </a:solidFill>
                <a:latin typeface="Corbel" panose="020B0503020204020204" pitchFamily="34" charset="0"/>
              </a:rPr>
              <a:t>11</a:t>
            </a:r>
          </a:p>
        </p:txBody>
      </p:sp>
      <p:sp>
        <p:nvSpPr>
          <p:cNvPr id="34115" name="OTLSHAPE_TB_00000000000000000000000000000000_TimescaleInterval4">
            <a:extLst>
              <a:ext uri="{FF2B5EF4-FFF2-40B4-BE49-F238E27FC236}">
                <a16:creationId xmlns:a16="http://schemas.microsoft.com/office/drawing/2014/main" id="{2AF1F484-AC61-40EF-9021-AFEC962802B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636206" y="5038275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2">
                <a:solidFill>
                  <a:srgbClr val="C9E4CA"/>
                </a:solidFill>
                <a:latin typeface="Corbel" panose="020B0503020204020204" pitchFamily="34" charset="0"/>
              </a:rPr>
              <a:t>16</a:t>
            </a:r>
          </a:p>
        </p:txBody>
      </p:sp>
      <p:sp>
        <p:nvSpPr>
          <p:cNvPr id="34117" name="OTLSHAPE_TB_00000000000000000000000000000000_TimescaleInterval5">
            <a:extLst>
              <a:ext uri="{FF2B5EF4-FFF2-40B4-BE49-F238E27FC236}">
                <a16:creationId xmlns:a16="http://schemas.microsoft.com/office/drawing/2014/main" id="{562360BE-5BA1-457A-9B12-5A66D49441C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074674" y="5038275"/>
            <a:ext cx="1474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rgbClr val="C9E4CA"/>
                </a:solidFill>
                <a:latin typeface="Corbel" panose="020B0503020204020204" pitchFamily="34" charset="0"/>
              </a:rPr>
              <a:t>21</a:t>
            </a:r>
          </a:p>
        </p:txBody>
      </p:sp>
      <p:sp>
        <p:nvSpPr>
          <p:cNvPr id="34119" name="OTLSHAPE_TB_00000000000000000000000000000000_TimescaleInterval6">
            <a:extLst>
              <a:ext uri="{FF2B5EF4-FFF2-40B4-BE49-F238E27FC236}">
                <a16:creationId xmlns:a16="http://schemas.microsoft.com/office/drawing/2014/main" id="{82019993-839B-43A5-8B87-F0F43A136E57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8513143" y="5038275"/>
            <a:ext cx="15869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2">
                <a:solidFill>
                  <a:srgbClr val="C9E4CA"/>
                </a:solidFill>
                <a:latin typeface="Corbel" panose="020B0503020204020204" pitchFamily="34" charset="0"/>
              </a:rPr>
              <a:t>26</a:t>
            </a:r>
            <a:endParaRPr lang="en-GB" sz="1200" spc="-12" dirty="0">
              <a:solidFill>
                <a:srgbClr val="C9E4CA"/>
              </a:solidFill>
              <a:latin typeface="Corbel" panose="020B0503020204020204" pitchFamily="34" charset="0"/>
            </a:endParaRPr>
          </a:p>
        </p:txBody>
      </p:sp>
      <p:sp>
        <p:nvSpPr>
          <p:cNvPr id="34121" name="OTLSHAPE_TB_00000000000000000000000000000000_TimescaleInterval7">
            <a:extLst>
              <a:ext uri="{FF2B5EF4-FFF2-40B4-BE49-F238E27FC236}">
                <a16:creationId xmlns:a16="http://schemas.microsoft.com/office/drawing/2014/main" id="{E4DCE715-A965-4C2C-90FF-359AA66FC2AB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951611" y="5038275"/>
            <a:ext cx="1394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6">
                <a:solidFill>
                  <a:srgbClr val="C9E4CA"/>
                </a:solidFill>
                <a:latin typeface="Corbel" panose="020B0503020204020204" pitchFamily="34" charset="0"/>
              </a:rPr>
              <a:t>31</a:t>
            </a:r>
          </a:p>
        </p:txBody>
      </p:sp>
      <p:sp>
        <p:nvSpPr>
          <p:cNvPr id="34153" name="OTLSHAPE_SLM_f12219216484484288f694dd187a1874_Title">
            <a:extLst>
              <a:ext uri="{FF2B5EF4-FFF2-40B4-BE49-F238E27FC236}">
                <a16:creationId xmlns:a16="http://schemas.microsoft.com/office/drawing/2014/main" id="{899801CA-B54D-4E51-B65C-79136121B03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694664" y="6407060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i="1" spc="-4" dirty="0">
                <a:solidFill>
                  <a:srgbClr val="011627"/>
                </a:solidFill>
                <a:latin typeface="Calibri" panose="020F0502020204030204" pitchFamily="34" charset="0"/>
              </a:rPr>
              <a:t>Schedule Revision</a:t>
            </a:r>
          </a:p>
        </p:txBody>
      </p:sp>
      <p:sp>
        <p:nvSpPr>
          <p:cNvPr id="34154" name="OTLSHAPE_SLM_f12219216484484288f694dd187a1874_Date">
            <a:extLst>
              <a:ext uri="{FF2B5EF4-FFF2-40B4-BE49-F238E27FC236}">
                <a16:creationId xmlns:a16="http://schemas.microsoft.com/office/drawing/2014/main" id="{77161DE0-B6AA-4CAE-84D4-0EE1A695CBE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946037" y="642255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rgbClr val="1D3429"/>
                </a:solidFill>
                <a:latin typeface="Corbel" panose="020B0503020204020204" pitchFamily="34" charset="0"/>
              </a:rPr>
              <a:t>Sep 10</a:t>
            </a:r>
          </a:p>
        </p:txBody>
      </p:sp>
      <p:sp>
        <p:nvSpPr>
          <p:cNvPr id="34156" name="OTLSHAPE_SLM_d9f85e0bda4243a099afc067c6802cd1_Title">
            <a:extLst>
              <a:ext uri="{FF2B5EF4-FFF2-40B4-BE49-F238E27FC236}">
                <a16:creationId xmlns:a16="http://schemas.microsoft.com/office/drawing/2014/main" id="{F8D52EC1-34FF-4035-89AA-F4223B8FF27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325007" y="6407060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i="1" spc="-4" dirty="0">
                <a:solidFill>
                  <a:srgbClr val="011627"/>
                </a:solidFill>
                <a:latin typeface="Calibri" panose="020F0502020204030204" pitchFamily="34" charset="0"/>
              </a:rPr>
              <a:t>Schedule Revision</a:t>
            </a:r>
          </a:p>
        </p:txBody>
      </p:sp>
      <p:sp>
        <p:nvSpPr>
          <p:cNvPr id="34157" name="OTLSHAPE_SLM_d9f85e0bda4243a099afc067c6802cd1_Date">
            <a:extLst>
              <a:ext uri="{FF2B5EF4-FFF2-40B4-BE49-F238E27FC236}">
                <a16:creationId xmlns:a16="http://schemas.microsoft.com/office/drawing/2014/main" id="{61852060-6239-4EEB-B6C7-1A6AB1FF68C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5576380" y="6422554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rgbClr val="1D3429"/>
                </a:solidFill>
                <a:latin typeface="Corbel" panose="020B0503020204020204" pitchFamily="34" charset="0"/>
              </a:rPr>
              <a:t>Nov 13</a:t>
            </a:r>
          </a:p>
        </p:txBody>
      </p:sp>
      <p:sp>
        <p:nvSpPr>
          <p:cNvPr id="34159" name="OTLSHAPE_SLM_654400861b0c44c1919773b000a002cd_Title">
            <a:extLst>
              <a:ext uri="{FF2B5EF4-FFF2-40B4-BE49-F238E27FC236}">
                <a16:creationId xmlns:a16="http://schemas.microsoft.com/office/drawing/2014/main" id="{748A4BE0-9607-47C3-85DC-53D3C613299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078646" y="6407060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100" i="1" spc="-4" dirty="0">
                <a:solidFill>
                  <a:srgbClr val="011627"/>
                </a:solidFill>
                <a:latin typeface="Calibri" panose="020F0502020204030204" pitchFamily="34" charset="0"/>
              </a:rPr>
              <a:t>Schedule Revision</a:t>
            </a:r>
          </a:p>
        </p:txBody>
      </p:sp>
      <p:sp>
        <p:nvSpPr>
          <p:cNvPr id="34160" name="OTLSHAPE_SLM_654400861b0c44c1919773b000a002cd_Date">
            <a:extLst>
              <a:ext uri="{FF2B5EF4-FFF2-40B4-BE49-F238E27FC236}">
                <a16:creationId xmlns:a16="http://schemas.microsoft.com/office/drawing/2014/main" id="{C3327B7A-21ED-48A2-8F27-F53868BA585D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330019" y="6422554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rgbClr val="1D3429"/>
                </a:solidFill>
                <a:latin typeface="Corbel" panose="020B0503020204020204" pitchFamily="34" charset="0"/>
              </a:rPr>
              <a:t>Jan 19</a:t>
            </a:r>
          </a:p>
        </p:txBody>
      </p:sp>
      <p:cxnSp>
        <p:nvCxnSpPr>
          <p:cNvPr id="34149" name="OTLSHAPE_TB_00000000000000000000000000000000_Separator1"/>
          <p:cNvCxnSpPr/>
          <p:nvPr>
            <p:custDataLst>
              <p:tags r:id="rId44"/>
            </p:custDataLst>
          </p:nvPr>
        </p:nvCxnSpPr>
        <p:spPr>
          <a:xfrm>
            <a:off x="2695768" y="4978903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2" name="OTLSHAPE_TB_00000000000000000000000000000000_Separator2">
            <a:extLst>
              <a:ext uri="{FF2B5EF4-FFF2-40B4-BE49-F238E27FC236}">
                <a16:creationId xmlns:a16="http://schemas.microsoft.com/office/drawing/2014/main" id="{F8D891F6-2F30-4C35-AFA0-7DDACF9165E3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4134237" y="4978903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4" name="OTLSHAPE_TB_00000000000000000000000000000000_Separator3">
            <a:extLst>
              <a:ext uri="{FF2B5EF4-FFF2-40B4-BE49-F238E27FC236}">
                <a16:creationId xmlns:a16="http://schemas.microsoft.com/office/drawing/2014/main" id="{AFD2699C-D733-46FD-8AF5-54E5C5CC1E76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5572705" y="4978903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6" name="OTLSHAPE_TB_00000000000000000000000000000000_Separator4">
            <a:extLst>
              <a:ext uri="{FF2B5EF4-FFF2-40B4-BE49-F238E27FC236}">
                <a16:creationId xmlns:a16="http://schemas.microsoft.com/office/drawing/2014/main" id="{2585196A-F0C2-472E-836C-51CEFF0BE8E1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011174" y="4978903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18" name="OTLSHAPE_TB_00000000000000000000000000000000_Separator5">
            <a:extLst>
              <a:ext uri="{FF2B5EF4-FFF2-40B4-BE49-F238E27FC236}">
                <a16:creationId xmlns:a16="http://schemas.microsoft.com/office/drawing/2014/main" id="{6569AB5B-E752-4565-A289-775827290D97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449642" y="4978903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120" name="OTLSHAPE_TB_00000000000000000000000000000000_Separator6">
            <a:extLst>
              <a:ext uri="{FF2B5EF4-FFF2-40B4-BE49-F238E27FC236}">
                <a16:creationId xmlns:a16="http://schemas.microsoft.com/office/drawing/2014/main" id="{415F766F-F1E4-4568-A9B0-4312216DFA7B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9888111" y="4978903"/>
            <a:ext cx="0" cy="304800"/>
          </a:xfrm>
          <a:prstGeom prst="line">
            <a:avLst/>
          </a:prstGeom>
          <a:ln w="9525" cap="flat" cmpd="sng" algn="ctr">
            <a:solidFill>
              <a:srgbClr val="C9E4C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270" name="OTLSHAPE_T_6644b494266e48abbcb6f32eef0dad68_Shape">
            <a:extLst>
              <a:ext uri="{FF2B5EF4-FFF2-40B4-BE49-F238E27FC236}">
                <a16:creationId xmlns:a16="http://schemas.microsoft.com/office/drawing/2014/main" id="{AB7F8093-6B60-445B-8D5E-C4C02850A8AC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501816" y="1023615"/>
            <a:ext cx="317500" cy="203200"/>
          </a:xfrm>
          <a:prstGeom prst="roundRect">
            <a:avLst>
              <a:gd name="adj" fmla="val 10000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2" name="OTLSHAPE_T_403d2136a3114023ad89a5c0421b0c5b_Shape">
            <a:extLst>
              <a:ext uri="{FF2B5EF4-FFF2-40B4-BE49-F238E27FC236}">
                <a16:creationId xmlns:a16="http://schemas.microsoft.com/office/drawing/2014/main" id="{6DE6FD87-A359-45A2-BA1D-CC77A899123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862590" y="1290315"/>
            <a:ext cx="1714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B0A2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4" name="OTLSHAPE_T_207a4a97c6884e23a34a41a0de3fb19a_Shape">
            <a:extLst>
              <a:ext uri="{FF2B5EF4-FFF2-40B4-BE49-F238E27FC236}">
                <a16:creationId xmlns:a16="http://schemas.microsoft.com/office/drawing/2014/main" id="{AA78602F-AEA0-4094-9415-9831F0BD2522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925402" y="2090415"/>
            <a:ext cx="1981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336" name="OTLSHAPE_T_68b1b569e4a141218edc9f90bab9c932_Shape">
            <a:extLst>
              <a:ext uri="{FF2B5EF4-FFF2-40B4-BE49-F238E27FC236}">
                <a16:creationId xmlns:a16="http://schemas.microsoft.com/office/drawing/2014/main" id="{A7B9A1C9-270E-4D84-B3E7-CB7B99397F9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112639" y="2357115"/>
            <a:ext cx="622300" cy="203200"/>
          </a:xfrm>
          <a:prstGeom prst="roundRect">
            <a:avLst>
              <a:gd name="adj" fmla="val 100000"/>
            </a:avLst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36" name="OTLSHAPE_T_9a6b3e19e195409d8f5cd14073dbb2a3_Shape"/>
          <p:cNvSpPr/>
          <p:nvPr>
            <p:custDataLst>
              <p:tags r:id="rId54"/>
            </p:custDataLst>
          </p:nvPr>
        </p:nvSpPr>
        <p:spPr>
          <a:xfrm>
            <a:off x="2360725" y="2623815"/>
            <a:ext cx="952500" cy="203200"/>
          </a:xfrm>
          <a:prstGeom prst="roundRect">
            <a:avLst>
              <a:gd name="adj" fmla="val 100000"/>
            </a:avLst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44" name="OTLSHAPE_T_a8615542293a4cdfb5e99580d663d5c3_Shape"/>
          <p:cNvSpPr/>
          <p:nvPr>
            <p:custDataLst>
              <p:tags r:id="rId55"/>
            </p:custDataLst>
          </p:nvPr>
        </p:nvSpPr>
        <p:spPr>
          <a:xfrm>
            <a:off x="1339013" y="2890515"/>
            <a:ext cx="1079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B0A2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_0aaf2ef6c3bd48d486d9dd3fef94d7b8_Shape">
            <a:extLst>
              <a:ext uri="{FF2B5EF4-FFF2-40B4-BE49-F238E27FC236}">
                <a16:creationId xmlns:a16="http://schemas.microsoft.com/office/drawing/2014/main" id="{76D7C242-CE66-49C0-95BF-6E8B09A5A52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8821362" y="756915"/>
            <a:ext cx="196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T_7f1c39df743d4e3184fa3ada11647b8e_Shape">
            <a:extLst>
              <a:ext uri="{FF2B5EF4-FFF2-40B4-BE49-F238E27FC236}">
                <a16:creationId xmlns:a16="http://schemas.microsoft.com/office/drawing/2014/main" id="{611CDBEB-91A1-462B-84D9-8DDE8CDBD9D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534539" y="1557015"/>
            <a:ext cx="342900" cy="203200"/>
          </a:xfrm>
          <a:prstGeom prst="roundRect">
            <a:avLst>
              <a:gd name="adj" fmla="val 100000"/>
            </a:avLst>
          </a:prstGeom>
          <a:solidFill>
            <a:srgbClr val="0116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T_c9018cf9ee9d48029f29ee4de0fb45b7_Shape">
            <a:extLst>
              <a:ext uri="{FF2B5EF4-FFF2-40B4-BE49-F238E27FC236}">
                <a16:creationId xmlns:a16="http://schemas.microsoft.com/office/drawing/2014/main" id="{CA39D5AE-F448-412A-8DF3-F9CC0D822947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5867164" y="1823715"/>
            <a:ext cx="825500" cy="203200"/>
          </a:xfrm>
          <a:prstGeom prst="roundRect">
            <a:avLst>
              <a:gd name="adj" fmla="val 100000"/>
            </a:avLst>
          </a:prstGeom>
          <a:solidFill>
            <a:srgbClr val="6798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09" name="OTLSHAPE_T_6644b494266e48abbcb6f32eef0dad68_JoinedDate"/>
          <p:cNvSpPr txBox="1"/>
          <p:nvPr>
            <p:custDataLst>
              <p:tags r:id="rId59"/>
            </p:custDataLst>
          </p:nvPr>
        </p:nvSpPr>
        <p:spPr>
          <a:xfrm>
            <a:off x="8861373" y="1047703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rgbClr val="55828B"/>
                </a:solidFill>
                <a:latin typeface="Corbel" panose="020B0503020204020204" pitchFamily="34" charset="0"/>
              </a:rPr>
              <a:t>01.27 - 02.03</a:t>
            </a:r>
          </a:p>
        </p:txBody>
      </p:sp>
      <p:sp>
        <p:nvSpPr>
          <p:cNvPr id="34211" name="OTLSHAPE_T_6644b494266e48abbcb6f32eef0dad68_Title"/>
          <p:cNvSpPr txBox="1"/>
          <p:nvPr>
            <p:custDataLst>
              <p:tags r:id="rId60"/>
            </p:custDataLst>
          </p:nvPr>
        </p:nvSpPr>
        <p:spPr>
          <a:xfrm>
            <a:off x="127000" y="1039956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dirty="0">
                <a:solidFill>
                  <a:srgbClr val="254855"/>
                </a:solidFill>
                <a:latin typeface="Calibri" panose="020F0502020204030204" pitchFamily="34" charset="0"/>
              </a:rPr>
              <a:t>Mooring &amp; Safety Gear</a:t>
            </a:r>
          </a:p>
        </p:txBody>
      </p:sp>
      <p:sp>
        <p:nvSpPr>
          <p:cNvPr id="34217" name="OTLSHAPE_T_403d2136a3114023ad89a5c0421b0c5b_JoinedDate"/>
          <p:cNvSpPr txBox="1"/>
          <p:nvPr>
            <p:custDataLst>
              <p:tags r:id="rId61"/>
            </p:custDataLst>
          </p:nvPr>
        </p:nvSpPr>
        <p:spPr>
          <a:xfrm>
            <a:off x="8624539" y="131440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">
                <a:solidFill>
                  <a:srgbClr val="55828B"/>
                </a:solidFill>
                <a:latin typeface="Corbel" panose="020B0503020204020204" pitchFamily="34" charset="0"/>
              </a:rPr>
              <a:t>12.18 - 01.29</a:t>
            </a:r>
            <a:endParaRPr lang="en-US" sz="1000" spc="-2" dirty="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18" name="OTLSHAPE_T_403d2136a3114023ad89a5c0421b0c5b_Duration"/>
          <p:cNvSpPr txBox="1"/>
          <p:nvPr>
            <p:custDataLst>
              <p:tags r:id="rId62"/>
            </p:custDataLst>
          </p:nvPr>
        </p:nvSpPr>
        <p:spPr>
          <a:xfrm>
            <a:off x="7462259" y="131440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FFE4E4"/>
                </a:solidFill>
                <a:latin typeface="Calibri" panose="020F0502020204030204" pitchFamily="34" charset="0"/>
              </a:rPr>
              <a:t>5.9 weeks</a:t>
            </a:r>
          </a:p>
        </p:txBody>
      </p:sp>
      <p:sp>
        <p:nvSpPr>
          <p:cNvPr id="34219" name="OTLSHAPE_T_403d2136a3114023ad89a5c0421b0c5b_Title"/>
          <p:cNvSpPr txBox="1"/>
          <p:nvPr>
            <p:custDataLst>
              <p:tags r:id="rId63"/>
            </p:custDataLst>
          </p:nvPr>
        </p:nvSpPr>
        <p:spPr>
          <a:xfrm>
            <a:off x="127000" y="1306656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>
                <a:solidFill>
                  <a:srgbClr val="254855"/>
                </a:solidFill>
                <a:latin typeface="Calibri" panose="020F0502020204030204" pitchFamily="34" charset="0"/>
              </a:rPr>
              <a:t>Machinery &amp; Electrical Installation</a:t>
            </a:r>
          </a:p>
        </p:txBody>
      </p:sp>
      <p:sp>
        <p:nvSpPr>
          <p:cNvPr id="34225" name="OTLSHAPE_T_207a4a97c6884e23a34a41a0de3fb19a_JoinedDate"/>
          <p:cNvSpPr txBox="1"/>
          <p:nvPr>
            <p:custDataLst>
              <p:tags r:id="rId64"/>
            </p:custDataLst>
          </p:nvPr>
        </p:nvSpPr>
        <p:spPr>
          <a:xfrm>
            <a:off x="5946020" y="2114503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>
                <a:solidFill>
                  <a:srgbClr val="55828B"/>
                </a:solidFill>
                <a:latin typeface="Corbel" panose="020B0503020204020204" pitchFamily="34" charset="0"/>
              </a:rPr>
              <a:t>10.07 - 11.24</a:t>
            </a:r>
            <a:endParaRPr lang="en-US" sz="1000" dirty="0">
              <a:solidFill>
                <a:srgbClr val="55828B"/>
              </a:solidFill>
              <a:latin typeface="Corbel" panose="020B0503020204020204" pitchFamily="34" charset="0"/>
            </a:endParaRPr>
          </a:p>
        </p:txBody>
      </p:sp>
      <p:sp>
        <p:nvSpPr>
          <p:cNvPr id="34226" name="OTLSHAPE_T_207a4a97c6884e23a34a41a0de3fb19a_Duration"/>
          <p:cNvSpPr txBox="1"/>
          <p:nvPr>
            <p:custDataLst>
              <p:tags r:id="rId65"/>
            </p:custDataLst>
          </p:nvPr>
        </p:nvSpPr>
        <p:spPr>
          <a:xfrm>
            <a:off x="4654406" y="211450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011627"/>
                </a:solidFill>
                <a:latin typeface="Calibri" panose="020F0502020204030204" pitchFamily="34" charset="0"/>
              </a:rPr>
              <a:t>6.8 weeks</a:t>
            </a:r>
          </a:p>
        </p:txBody>
      </p:sp>
      <p:sp>
        <p:nvSpPr>
          <p:cNvPr id="34227" name="OTLSHAPE_T_207a4a97c6884e23a34a41a0de3fb19a_Title"/>
          <p:cNvSpPr txBox="1"/>
          <p:nvPr>
            <p:custDataLst>
              <p:tags r:id="rId66"/>
            </p:custDataLst>
          </p:nvPr>
        </p:nvSpPr>
        <p:spPr>
          <a:xfrm>
            <a:off x="127000" y="2106756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 dirty="0">
                <a:solidFill>
                  <a:srgbClr val="254855"/>
                </a:solidFill>
                <a:latin typeface="Calibri" panose="020F0502020204030204" pitchFamily="34" charset="0"/>
              </a:rPr>
              <a:t>Engine Room &amp; Accommodation</a:t>
            </a:r>
          </a:p>
        </p:txBody>
      </p:sp>
      <p:sp>
        <p:nvSpPr>
          <p:cNvPr id="34233" name="OTLSHAPE_T_68b1b569e4a141218edc9f90bab9c932_JoinedDate"/>
          <p:cNvSpPr txBox="1"/>
          <p:nvPr>
            <p:custDataLst>
              <p:tags r:id="rId67"/>
            </p:custDataLst>
          </p:nvPr>
        </p:nvSpPr>
        <p:spPr>
          <a:xfrm>
            <a:off x="3783436" y="238120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2" dirty="0">
                <a:solidFill>
                  <a:srgbClr val="55828B"/>
                </a:solidFill>
                <a:latin typeface="Corbel" panose="020B0503020204020204" pitchFamily="34" charset="0"/>
              </a:rPr>
              <a:t>09.18 - 10.03</a:t>
            </a:r>
          </a:p>
        </p:txBody>
      </p:sp>
      <p:sp>
        <p:nvSpPr>
          <p:cNvPr id="34234" name="OTLSHAPE_T_68b1b569e4a141218edc9f90bab9c932_Duration"/>
          <p:cNvSpPr txBox="1"/>
          <p:nvPr>
            <p:custDataLst>
              <p:tags r:id="rId68"/>
            </p:custDataLst>
          </p:nvPr>
        </p:nvSpPr>
        <p:spPr>
          <a:xfrm>
            <a:off x="3166733" y="238120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011627"/>
                </a:solidFill>
                <a:latin typeface="Calibri" panose="020F0502020204030204" pitchFamily="34" charset="0"/>
              </a:rPr>
              <a:t>2.2 weeks</a:t>
            </a:r>
          </a:p>
        </p:txBody>
      </p:sp>
      <p:sp>
        <p:nvSpPr>
          <p:cNvPr id="34235" name="OTLSHAPE_T_68b1b569e4a141218edc9f90bab9c932_Title"/>
          <p:cNvSpPr txBox="1"/>
          <p:nvPr>
            <p:custDataLst>
              <p:tags r:id="rId69"/>
            </p:custDataLst>
          </p:nvPr>
        </p:nvSpPr>
        <p:spPr>
          <a:xfrm>
            <a:off x="127000" y="2373456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>
                <a:solidFill>
                  <a:srgbClr val="254855"/>
                </a:solidFill>
                <a:latin typeface="Calibri" panose="020F0502020204030204" pitchFamily="34" charset="0"/>
              </a:rPr>
              <a:t>Hatch &amp; Superstructure</a:t>
            </a:r>
          </a:p>
        </p:txBody>
      </p:sp>
      <p:sp>
        <p:nvSpPr>
          <p:cNvPr id="34241" name="OTLSHAPE_T_9a6b3e19e195409d8f5cd14073dbb2a3_JoinedDate"/>
          <p:cNvSpPr txBox="1"/>
          <p:nvPr>
            <p:custDataLst>
              <p:tags r:id="rId70"/>
            </p:custDataLst>
          </p:nvPr>
        </p:nvSpPr>
        <p:spPr>
          <a:xfrm>
            <a:off x="3358089" y="264790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rgbClr val="55828B"/>
                </a:solidFill>
                <a:latin typeface="Corbel" panose="020B0503020204020204" pitchFamily="34" charset="0"/>
              </a:rPr>
              <a:t>08.30 - 09.22</a:t>
            </a:r>
          </a:p>
        </p:txBody>
      </p:sp>
      <p:sp>
        <p:nvSpPr>
          <p:cNvPr id="34242" name="OTLSHAPE_T_9a6b3e19e195409d8f5cd14073dbb2a3_Duration"/>
          <p:cNvSpPr txBox="1"/>
          <p:nvPr>
            <p:custDataLst>
              <p:tags r:id="rId71"/>
            </p:custDataLst>
          </p:nvPr>
        </p:nvSpPr>
        <p:spPr>
          <a:xfrm>
            <a:off x="2578102" y="264790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C9E4CA"/>
                </a:solidFill>
                <a:latin typeface="Calibri" panose="020F0502020204030204" pitchFamily="34" charset="0"/>
              </a:rPr>
              <a:t>3.3 weeks</a:t>
            </a:r>
          </a:p>
        </p:txBody>
      </p:sp>
      <p:sp>
        <p:nvSpPr>
          <p:cNvPr id="34243" name="OTLSHAPE_T_9a6b3e19e195409d8f5cd14073dbb2a3_Title"/>
          <p:cNvSpPr txBox="1"/>
          <p:nvPr>
            <p:custDataLst>
              <p:tags r:id="rId72"/>
            </p:custDataLst>
          </p:nvPr>
        </p:nvSpPr>
        <p:spPr>
          <a:xfrm>
            <a:off x="127000" y="264015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>
                <a:solidFill>
                  <a:srgbClr val="254855"/>
                </a:solidFill>
                <a:latin typeface="Calibri" panose="020F0502020204030204" pitchFamily="34" charset="0"/>
              </a:rPr>
              <a:t>Steel Profiles</a:t>
            </a:r>
          </a:p>
        </p:txBody>
      </p:sp>
      <p:sp>
        <p:nvSpPr>
          <p:cNvPr id="34249" name="OTLSHAPE_T_a8615542293a4cdfb5e99580d663d5c3_JoinedDate"/>
          <p:cNvSpPr txBox="1"/>
          <p:nvPr>
            <p:custDataLst>
              <p:tags r:id="rId73"/>
            </p:custDataLst>
          </p:nvPr>
        </p:nvSpPr>
        <p:spPr>
          <a:xfrm>
            <a:off x="2458218" y="2914603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dirty="0">
                <a:solidFill>
                  <a:srgbClr val="55828B"/>
                </a:solidFill>
                <a:latin typeface="Corbel" panose="020B0503020204020204" pitchFamily="34" charset="0"/>
              </a:rPr>
              <a:t>08.05 - 08.31</a:t>
            </a:r>
          </a:p>
        </p:txBody>
      </p:sp>
      <p:sp>
        <p:nvSpPr>
          <p:cNvPr id="34250" name="OTLSHAPE_T_a8615542293a4cdfb5e99580d663d5c3_Duration"/>
          <p:cNvSpPr txBox="1"/>
          <p:nvPr>
            <p:custDataLst>
              <p:tags r:id="rId74"/>
            </p:custDataLst>
          </p:nvPr>
        </p:nvSpPr>
        <p:spPr>
          <a:xfrm>
            <a:off x="1617311" y="291460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FFE4E4"/>
                </a:solidFill>
                <a:latin typeface="Calibri" panose="020F0502020204030204" pitchFamily="34" charset="0"/>
              </a:rPr>
              <a:t>3.7 weeks</a:t>
            </a:r>
            <a:endParaRPr lang="en-US" sz="1000" spc="-6" dirty="0">
              <a:solidFill>
                <a:srgbClr val="FFE4E4"/>
              </a:solidFill>
              <a:latin typeface="Calibri" panose="020F0502020204030204" pitchFamily="34" charset="0"/>
            </a:endParaRPr>
          </a:p>
        </p:txBody>
      </p:sp>
      <p:sp>
        <p:nvSpPr>
          <p:cNvPr id="34251" name="OTLSHAPE_T_a8615542293a4cdfb5e99580d663d5c3_Title"/>
          <p:cNvSpPr txBox="1"/>
          <p:nvPr>
            <p:custDataLst>
              <p:tags r:id="rId75"/>
            </p:custDataLst>
          </p:nvPr>
        </p:nvSpPr>
        <p:spPr>
          <a:xfrm>
            <a:off x="127000" y="290685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rgbClr val="254855"/>
                </a:solidFill>
                <a:latin typeface="Calibri" panose="020F0502020204030204" pitchFamily="34" charset="0"/>
              </a:rPr>
              <a:t>Engineering</a:t>
            </a:r>
          </a:p>
        </p:txBody>
      </p:sp>
      <p:sp>
        <p:nvSpPr>
          <p:cNvPr id="11" name="OTLSHAPE_T_0aaf2ef6c3bd48d486d9dd3fef94d7b8_JoinedDate">
            <a:extLst>
              <a:ext uri="{FF2B5EF4-FFF2-40B4-BE49-F238E27FC236}">
                <a16:creationId xmlns:a16="http://schemas.microsoft.com/office/drawing/2014/main" id="{DF4428D8-D595-465C-B7FC-B438D0FB491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0840209" y="78100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6" dirty="0">
                <a:solidFill>
                  <a:srgbClr val="55828B"/>
                </a:solidFill>
                <a:latin typeface="Corbel" panose="020B0503020204020204" pitchFamily="34" charset="0"/>
              </a:rPr>
              <a:t>02.04 - 03.23</a:t>
            </a:r>
          </a:p>
        </p:txBody>
      </p:sp>
      <p:sp>
        <p:nvSpPr>
          <p:cNvPr id="12" name="OTLSHAPE_T_0aaf2ef6c3bd48d486d9dd3fef94d7b8_Duration">
            <a:extLst>
              <a:ext uri="{FF2B5EF4-FFF2-40B4-BE49-F238E27FC236}">
                <a16:creationId xmlns:a16="http://schemas.microsoft.com/office/drawing/2014/main" id="{B6F99F18-491F-445D-860A-203F171D00A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549481" y="78100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rgbClr val="011627"/>
                </a:solidFill>
                <a:latin typeface="Calibri" panose="020F0502020204030204" pitchFamily="34" charset="0"/>
              </a:rPr>
              <a:t>6.8 weeks</a:t>
            </a:r>
          </a:p>
        </p:txBody>
      </p:sp>
      <p:sp>
        <p:nvSpPr>
          <p:cNvPr id="13" name="OTLSHAPE_T_0aaf2ef6c3bd48d486d9dd3fef94d7b8_Title">
            <a:extLst>
              <a:ext uri="{FF2B5EF4-FFF2-40B4-BE49-F238E27FC236}">
                <a16:creationId xmlns:a16="http://schemas.microsoft.com/office/drawing/2014/main" id="{3B6AC58E-A0CA-4529-B9CD-072822F8D2C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0" y="773256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6" dirty="0">
                <a:solidFill>
                  <a:srgbClr val="254855"/>
                </a:solidFill>
                <a:latin typeface="Calibri" panose="020F0502020204030204" pitchFamily="34" charset="0"/>
              </a:rPr>
              <a:t>Outfitting Afloat </a:t>
            </a:r>
          </a:p>
        </p:txBody>
      </p:sp>
      <p:sp>
        <p:nvSpPr>
          <p:cNvPr id="19" name="OTLSHAPE_T_7f1c39df743d4e3184fa3ada11647b8e_JoinedDate">
            <a:extLst>
              <a:ext uri="{FF2B5EF4-FFF2-40B4-BE49-F238E27FC236}">
                <a16:creationId xmlns:a16="http://schemas.microsoft.com/office/drawing/2014/main" id="{235DEB68-AE08-4346-BF77-9CF41A8FD47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920725" y="158110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2">
                <a:solidFill>
                  <a:srgbClr val="55828B"/>
                </a:solidFill>
                <a:latin typeface="Corbel" panose="020B0503020204020204" pitchFamily="34" charset="0"/>
              </a:rPr>
              <a:t>12.10 - 12.18</a:t>
            </a:r>
          </a:p>
        </p:txBody>
      </p:sp>
      <p:sp>
        <p:nvSpPr>
          <p:cNvPr id="21" name="OTLSHAPE_T_7f1c39df743d4e3184fa3ada11647b8e_Title">
            <a:extLst>
              <a:ext uri="{FF2B5EF4-FFF2-40B4-BE49-F238E27FC236}">
                <a16:creationId xmlns:a16="http://schemas.microsoft.com/office/drawing/2014/main" id="{4BCB3F85-9351-43BA-B3F3-A00FB8B8A0D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0" y="1573356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6">
                <a:solidFill>
                  <a:srgbClr val="254855"/>
                </a:solidFill>
                <a:latin typeface="Calibri" panose="020F0502020204030204" pitchFamily="34" charset="0"/>
              </a:rPr>
              <a:t>Coating</a:t>
            </a:r>
          </a:p>
        </p:txBody>
      </p:sp>
      <p:sp>
        <p:nvSpPr>
          <p:cNvPr id="27" name="OTLSHAPE_T_c9018cf9ee9d48029f29ee4de0fb45b7_JoinedDate">
            <a:extLst>
              <a:ext uri="{FF2B5EF4-FFF2-40B4-BE49-F238E27FC236}">
                <a16:creationId xmlns:a16="http://schemas.microsoft.com/office/drawing/2014/main" id="{42018DD7-1A2E-4BF2-B6D1-6E7808911D72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731355" y="1847803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rgbClr val="55828B"/>
                </a:solidFill>
                <a:latin typeface="Corbel" panose="020B0503020204020204" pitchFamily="34" charset="0"/>
              </a:rPr>
              <a:t>11.24 - 12.13</a:t>
            </a:r>
          </a:p>
        </p:txBody>
      </p:sp>
      <p:sp>
        <p:nvSpPr>
          <p:cNvPr id="28" name="OTLSHAPE_T_c9018cf9ee9d48029f29ee4de0fb45b7_Duration">
            <a:extLst>
              <a:ext uri="{FF2B5EF4-FFF2-40B4-BE49-F238E27FC236}">
                <a16:creationId xmlns:a16="http://schemas.microsoft.com/office/drawing/2014/main" id="{0430648F-152C-4509-9D03-BC88856AA26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017954" y="1847803"/>
            <a:ext cx="520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 dirty="0">
                <a:solidFill>
                  <a:srgbClr val="080C0D"/>
                </a:solidFill>
                <a:latin typeface="Calibri" panose="020F0502020204030204" pitchFamily="34" charset="0"/>
              </a:rPr>
              <a:t>2.8 weeks</a:t>
            </a:r>
          </a:p>
        </p:txBody>
      </p:sp>
      <p:sp>
        <p:nvSpPr>
          <p:cNvPr id="29" name="OTLSHAPE_T_c9018cf9ee9d48029f29ee4de0fb45b7_Title">
            <a:extLst>
              <a:ext uri="{FF2B5EF4-FFF2-40B4-BE49-F238E27FC236}">
                <a16:creationId xmlns:a16="http://schemas.microsoft.com/office/drawing/2014/main" id="{12523670-28AE-4D96-B14B-E9D0F37E46E5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0" y="1840056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dirty="0">
                <a:solidFill>
                  <a:srgbClr val="254855"/>
                </a:solidFill>
                <a:latin typeface="Calibri" panose="020F0502020204030204" pitchFamily="34" charset="0"/>
              </a:rPr>
              <a:t>Block Assembly</a:t>
            </a:r>
          </a:p>
        </p:txBody>
      </p:sp>
      <p:sp>
        <p:nvSpPr>
          <p:cNvPr id="34171" name="OTLSHAPE_M_6f22aa5e000544959a4d7b38883514ef_Shape">
            <a:extLst>
              <a:ext uri="{FF2B5EF4-FFF2-40B4-BE49-F238E27FC236}">
                <a16:creationId xmlns:a16="http://schemas.microsoft.com/office/drawing/2014/main" id="{CBF61B7F-A06A-4970-862C-57828A04082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5790169" y="5258303"/>
            <a:ext cx="304800" cy="3302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72" name="OTLSHAPE_M_c72d73248b3a4e8abac2a8a5c9404d68_Shape">
            <a:extLst>
              <a:ext uri="{FF2B5EF4-FFF2-40B4-BE49-F238E27FC236}">
                <a16:creationId xmlns:a16="http://schemas.microsoft.com/office/drawing/2014/main" id="{8C6651FA-488A-4E9B-9D36-DD7EB21E0A85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8132818" y="5258303"/>
            <a:ext cx="304800" cy="3302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61" name="OTLSHAPE_M_b66abdf690b04123bb3854c9da5709f4_Shape">
            <a:extLst>
              <a:ext uri="{FF2B5EF4-FFF2-40B4-BE49-F238E27FC236}">
                <a16:creationId xmlns:a16="http://schemas.microsoft.com/office/drawing/2014/main" id="{EB523587-0BB6-4BE4-B49A-05E60BE66353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4557196" y="4674103"/>
            <a:ext cx="304800" cy="3302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62" name="OTLSHAPE_M_47cb6e371c524f1b94c535343ec84c12_Shape">
            <a:extLst>
              <a:ext uri="{FF2B5EF4-FFF2-40B4-BE49-F238E27FC236}">
                <a16:creationId xmlns:a16="http://schemas.microsoft.com/office/drawing/2014/main" id="{4D51A3E5-0A95-4D8F-B63B-0B2AC5BA2A87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7064242" y="4674103"/>
            <a:ext cx="304800" cy="3302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64" name="OTLSHAPE_M_81fb2d79f1f3428b9cbe195b30cc6166_Shape">
            <a:extLst>
              <a:ext uri="{FF2B5EF4-FFF2-40B4-BE49-F238E27FC236}">
                <a16:creationId xmlns:a16="http://schemas.microsoft.com/office/drawing/2014/main" id="{864AC0B1-4B43-4A78-873A-90A8DD448DA3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2132349" y="5258303"/>
            <a:ext cx="304800" cy="330200"/>
          </a:xfrm>
          <a:prstGeom prst="diamond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0" name="OTLSHAPE_M_9030f16c7b85464b8b94cdd430a5c0b5_Shape">
            <a:extLst>
              <a:ext uri="{FF2B5EF4-FFF2-40B4-BE49-F238E27FC236}">
                <a16:creationId xmlns:a16="http://schemas.microsoft.com/office/drawing/2014/main" id="{CACB78D1-E98E-414A-AA8A-5B66BDD1DF13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773549" y="4750303"/>
            <a:ext cx="228600" cy="2540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1" name="OTLSHAPE_M_8a8426e75c4a41698c08ea72936c9d0d_Shape">
            <a:extLst>
              <a:ext uri="{FF2B5EF4-FFF2-40B4-BE49-F238E27FC236}">
                <a16:creationId xmlns:a16="http://schemas.microsoft.com/office/drawing/2014/main" id="{D6394BC1-EFCF-4AB4-81C5-D04B0727AE9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3077628" y="4674103"/>
            <a:ext cx="304800" cy="3302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2" name="OTLSHAPE_M_8a7cdfa9ea4f414495cf25681bfcb32c_Shape">
            <a:extLst>
              <a:ext uri="{FF2B5EF4-FFF2-40B4-BE49-F238E27FC236}">
                <a16:creationId xmlns:a16="http://schemas.microsoft.com/office/drawing/2014/main" id="{97250816-17DA-4C60-92E9-C7166B28355A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8869603" y="4750303"/>
            <a:ext cx="228600" cy="2540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3" name="OTLSHAPE_M_b0e9feddec834fc0b310dc67e5874f0b_Shape">
            <a:extLst>
              <a:ext uri="{FF2B5EF4-FFF2-40B4-BE49-F238E27FC236}">
                <a16:creationId xmlns:a16="http://schemas.microsoft.com/office/drawing/2014/main" id="{41D063C8-2424-42B6-B9F7-92F51AC1A05B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0184774" y="4750303"/>
            <a:ext cx="228600" cy="254000"/>
          </a:xfrm>
          <a:prstGeom prst="diamond">
            <a:avLst/>
          </a:prstGeom>
          <a:solidFill>
            <a:srgbClr val="E90C2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69" name="OTLSHAPE_M_dd55a45d06b748fbaca3406f263c06a6_Shape">
            <a:extLst>
              <a:ext uri="{FF2B5EF4-FFF2-40B4-BE49-F238E27FC236}">
                <a16:creationId xmlns:a16="http://schemas.microsoft.com/office/drawing/2014/main" id="{A711BB11-4C5B-484E-872F-AA4698EB2B92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 flipV="1">
            <a:off x="1145971" y="4674103"/>
            <a:ext cx="304800" cy="330200"/>
          </a:xfrm>
          <a:prstGeom prst="triangle">
            <a:avLst/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73" name="OTLSHAPE_M_1ccf9205e6f2441186be8cf35481de7f_Shape">
            <a:extLst>
              <a:ext uri="{FF2B5EF4-FFF2-40B4-BE49-F238E27FC236}">
                <a16:creationId xmlns:a16="http://schemas.microsoft.com/office/drawing/2014/main" id="{9DAB3C3F-C9AD-4532-A9E8-43C71D3BDE39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 flipV="1">
            <a:off x="10968656" y="4674103"/>
            <a:ext cx="304800" cy="330200"/>
          </a:xfrm>
          <a:prstGeom prst="triangle">
            <a:avLst/>
          </a:prstGeom>
          <a:solidFill>
            <a:srgbClr val="87BBA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80" name="OTLSHAPE_M_4461b4ad56e1427dbe253fd40151634d_Shape">
            <a:extLst>
              <a:ext uri="{FF2B5EF4-FFF2-40B4-BE49-F238E27FC236}">
                <a16:creationId xmlns:a16="http://schemas.microsoft.com/office/drawing/2014/main" id="{A696A7F3-AC5F-41BB-9472-0599D441ACB4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0146674" y="4674103"/>
            <a:ext cx="304800" cy="330200"/>
          </a:xfrm>
          <a:prstGeom prst="star8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281" name="OTLSHAPE_M_756ee3d9fb93468f81b55b0140335e2a_Shape">
            <a:extLst>
              <a:ext uri="{FF2B5EF4-FFF2-40B4-BE49-F238E27FC236}">
                <a16:creationId xmlns:a16="http://schemas.microsoft.com/office/drawing/2014/main" id="{2830441D-816F-4E4C-9117-7813BF5670B0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10680962" y="5258303"/>
            <a:ext cx="304800" cy="330200"/>
          </a:xfrm>
          <a:prstGeom prst="star8">
            <a:avLst/>
          </a:prstGeom>
          <a:solidFill>
            <a:srgbClr val="FC9E4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174" name="OTLSHAPE_M_81fb2d79f1f3428b9cbe195b30cc6166_Title"/>
          <p:cNvSpPr txBox="1"/>
          <p:nvPr>
            <p:custDataLst>
              <p:tags r:id="rId97"/>
            </p:custDataLst>
          </p:nvPr>
        </p:nvSpPr>
        <p:spPr>
          <a:xfrm>
            <a:off x="2018430" y="5728034"/>
            <a:ext cx="5334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22" dirty="0">
                <a:solidFill>
                  <a:srgbClr val="254855"/>
                </a:solidFill>
                <a:latin typeface="Calibri" panose="020F0502020204030204" pitchFamily="34" charset="0"/>
              </a:rPr>
              <a:t>Steel Cutting</a:t>
            </a:r>
          </a:p>
        </p:txBody>
      </p:sp>
      <p:sp>
        <p:nvSpPr>
          <p:cNvPr id="34175" name="OTLSHAPE_M_81fb2d79f1f3428b9cbe195b30cc6166_Date"/>
          <p:cNvSpPr txBox="1"/>
          <p:nvPr>
            <p:custDataLst>
              <p:tags r:id="rId98"/>
            </p:custDataLst>
          </p:nvPr>
        </p:nvSpPr>
        <p:spPr>
          <a:xfrm>
            <a:off x="2118485" y="5588503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Aug 28</a:t>
            </a:r>
          </a:p>
        </p:txBody>
      </p:sp>
      <p:sp>
        <p:nvSpPr>
          <p:cNvPr id="34177" name="OTLSHAPE_M_6f22aa5e000544959a4d7b38883514ef_Title"/>
          <p:cNvSpPr txBox="1"/>
          <p:nvPr>
            <p:custDataLst>
              <p:tags r:id="rId99"/>
            </p:custDataLst>
          </p:nvPr>
        </p:nvSpPr>
        <p:spPr>
          <a:xfrm>
            <a:off x="5572682" y="5728034"/>
            <a:ext cx="7493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>
                <a:solidFill>
                  <a:srgbClr val="254855"/>
                </a:solidFill>
                <a:latin typeface="Calibri" panose="020F0502020204030204" pitchFamily="34" charset="0"/>
              </a:rPr>
              <a:t>All Blocks Complete</a:t>
            </a:r>
          </a:p>
        </p:txBody>
      </p:sp>
      <p:sp>
        <p:nvSpPr>
          <p:cNvPr id="34178" name="OTLSHAPE_M_6f22aa5e000544959a4d7b38883514ef_Date"/>
          <p:cNvSpPr txBox="1"/>
          <p:nvPr>
            <p:custDataLst>
              <p:tags r:id="rId100"/>
            </p:custDataLst>
          </p:nvPr>
        </p:nvSpPr>
        <p:spPr>
          <a:xfrm>
            <a:off x="5779501" y="5588503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Nov 25</a:t>
            </a:r>
          </a:p>
        </p:txBody>
      </p:sp>
      <p:sp>
        <p:nvSpPr>
          <p:cNvPr id="34180" name="OTLSHAPE_M_c72d73248b3a4e8abac2a8a5c9404d68_Title"/>
          <p:cNvSpPr txBox="1"/>
          <p:nvPr>
            <p:custDataLst>
              <p:tags r:id="rId101"/>
            </p:custDataLst>
          </p:nvPr>
        </p:nvSpPr>
        <p:spPr>
          <a:xfrm>
            <a:off x="7418782" y="5728034"/>
            <a:ext cx="17526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>
                <a:solidFill>
                  <a:srgbClr val="254855"/>
                </a:solidFill>
                <a:latin typeface="Calibri" panose="020F0502020204030204" pitchFamily="34" charset="0"/>
              </a:rPr>
              <a:t>Navigation Installation Done</a:t>
            </a:r>
            <a:endParaRPr lang="en-US" sz="1400" b="1" i="1" u="sng" dirty="0">
              <a:solidFill>
                <a:srgbClr val="254855"/>
              </a:solidFill>
              <a:latin typeface="Calibri" panose="020F0502020204030204" pitchFamily="34" charset="0"/>
            </a:endParaRPr>
          </a:p>
        </p:txBody>
      </p:sp>
      <p:sp>
        <p:nvSpPr>
          <p:cNvPr id="34181" name="OTLSHAPE_M_c72d73248b3a4e8abac2a8a5c9404d68_Date"/>
          <p:cNvSpPr txBox="1"/>
          <p:nvPr>
            <p:custDataLst>
              <p:tags r:id="rId102"/>
            </p:custDataLst>
          </p:nvPr>
        </p:nvSpPr>
        <p:spPr>
          <a:xfrm>
            <a:off x="8139443" y="5588503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Jan 21</a:t>
            </a:r>
          </a:p>
        </p:txBody>
      </p:sp>
      <p:sp>
        <p:nvSpPr>
          <p:cNvPr id="34186" name="OTLSHAPE_M_dd55a45d06b748fbaca3406f263c06a6_Title"/>
          <p:cNvSpPr txBox="1"/>
          <p:nvPr>
            <p:custDataLst>
              <p:tags r:id="rId103"/>
            </p:custDataLst>
          </p:nvPr>
        </p:nvSpPr>
        <p:spPr>
          <a:xfrm>
            <a:off x="729199" y="4317529"/>
            <a:ext cx="1143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0" dirty="0">
                <a:solidFill>
                  <a:srgbClr val="254855"/>
                </a:solidFill>
                <a:latin typeface="Calibri" panose="020F0502020204030204" pitchFamily="34" charset="0"/>
              </a:rPr>
              <a:t>Project Kick-Off</a:t>
            </a:r>
          </a:p>
        </p:txBody>
      </p:sp>
      <p:sp>
        <p:nvSpPr>
          <p:cNvPr id="34187" name="OTLSHAPE_M_dd55a45d06b748fbaca3406f263c06a6_Date"/>
          <p:cNvSpPr txBox="1"/>
          <p:nvPr>
            <p:custDataLst>
              <p:tags r:id="rId104"/>
            </p:custDataLst>
          </p:nvPr>
        </p:nvSpPr>
        <p:spPr>
          <a:xfrm>
            <a:off x="1161189" y="4534572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55828B"/>
                </a:solidFill>
                <a:latin typeface="Corbel" panose="020B0503020204020204" pitchFamily="34" charset="0"/>
              </a:rPr>
              <a:t>Aug 4</a:t>
            </a:r>
          </a:p>
        </p:txBody>
      </p:sp>
      <p:sp>
        <p:nvSpPr>
          <p:cNvPr id="34189" name="OTLSHAPE_M_b66abdf690b04123bb3854c9da5709f4_Title"/>
          <p:cNvSpPr txBox="1"/>
          <p:nvPr>
            <p:custDataLst>
              <p:tags r:id="rId105"/>
            </p:custDataLst>
          </p:nvPr>
        </p:nvSpPr>
        <p:spPr>
          <a:xfrm>
            <a:off x="4365172" y="4317529"/>
            <a:ext cx="698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2" dirty="0">
                <a:solidFill>
                  <a:srgbClr val="254855"/>
                </a:solidFill>
                <a:latin typeface="Calibri" panose="020F0502020204030204" pitchFamily="34" charset="0"/>
              </a:rPr>
              <a:t>Adjusters</a:t>
            </a:r>
          </a:p>
        </p:txBody>
      </p:sp>
      <p:sp>
        <p:nvSpPr>
          <p:cNvPr id="34190" name="OTLSHAPE_M_b66abdf690b04123bb3854c9da5709f4_Date"/>
          <p:cNvSpPr txBox="1"/>
          <p:nvPr>
            <p:custDataLst>
              <p:tags r:id="rId106"/>
            </p:custDataLst>
          </p:nvPr>
        </p:nvSpPr>
        <p:spPr>
          <a:xfrm>
            <a:off x="4552349" y="453457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rgbClr val="55828B"/>
                </a:solidFill>
                <a:latin typeface="Corbel" panose="020B0503020204020204" pitchFamily="34" charset="0"/>
              </a:rPr>
              <a:t>Oct 26</a:t>
            </a:r>
          </a:p>
        </p:txBody>
      </p:sp>
      <p:sp>
        <p:nvSpPr>
          <p:cNvPr id="34192" name="OTLSHAPE_M_47cb6e371c524f1b94c535343ec84c12_Title"/>
          <p:cNvSpPr txBox="1"/>
          <p:nvPr>
            <p:custDataLst>
              <p:tags r:id="rId107"/>
            </p:custDataLst>
          </p:nvPr>
        </p:nvSpPr>
        <p:spPr>
          <a:xfrm>
            <a:off x="6920541" y="3296915"/>
            <a:ext cx="596900" cy="4340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6">
                <a:solidFill>
                  <a:srgbClr val="254855"/>
                </a:solidFill>
                <a:latin typeface="Calibri" panose="020F0502020204030204" pitchFamily="34" charset="0"/>
              </a:rPr>
              <a:t>Control Systems</a:t>
            </a:r>
          </a:p>
        </p:txBody>
      </p:sp>
      <p:sp>
        <p:nvSpPr>
          <p:cNvPr id="34193" name="OTLSHAPE_M_47cb6e371c524f1b94c535343ec84c12_Date"/>
          <p:cNvSpPr txBox="1"/>
          <p:nvPr>
            <p:custDataLst>
              <p:tags r:id="rId108"/>
            </p:custDataLst>
          </p:nvPr>
        </p:nvSpPr>
        <p:spPr>
          <a:xfrm>
            <a:off x="7054208" y="3731001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Dec 26</a:t>
            </a:r>
          </a:p>
        </p:txBody>
      </p:sp>
      <p:sp>
        <p:nvSpPr>
          <p:cNvPr id="34195" name="OTLSHAPE_M_4461b4ad56e1427dbe253fd40151634d_Title"/>
          <p:cNvSpPr txBox="1"/>
          <p:nvPr>
            <p:custDataLst>
              <p:tags r:id="rId109"/>
            </p:custDataLst>
          </p:nvPr>
        </p:nvSpPr>
        <p:spPr>
          <a:xfrm>
            <a:off x="9918984" y="3867780"/>
            <a:ext cx="762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0">
                <a:solidFill>
                  <a:srgbClr val="254855"/>
                </a:solidFill>
                <a:latin typeface="Calibri" panose="020F0502020204030204" pitchFamily="34" charset="0"/>
              </a:rPr>
              <a:t>Sea Trial 1</a:t>
            </a:r>
          </a:p>
        </p:txBody>
      </p:sp>
      <p:sp>
        <p:nvSpPr>
          <p:cNvPr id="34196" name="OTLSHAPE_M_4461b4ad56e1427dbe253fd40151634d_Date"/>
          <p:cNvSpPr txBox="1"/>
          <p:nvPr>
            <p:custDataLst>
              <p:tags r:id="rId110"/>
            </p:custDataLst>
          </p:nvPr>
        </p:nvSpPr>
        <p:spPr>
          <a:xfrm>
            <a:off x="10142313" y="4084823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dirty="0">
                <a:solidFill>
                  <a:srgbClr val="55828B"/>
                </a:solidFill>
                <a:latin typeface="Corbel" panose="020B0503020204020204" pitchFamily="34" charset="0"/>
              </a:rPr>
              <a:t>Mar 11</a:t>
            </a:r>
          </a:p>
        </p:txBody>
      </p:sp>
      <p:sp>
        <p:nvSpPr>
          <p:cNvPr id="34198" name="OTLSHAPE_M_756ee3d9fb93468f81b55b0140335e2a_Title"/>
          <p:cNvSpPr txBox="1"/>
          <p:nvPr>
            <p:custDataLst>
              <p:tags r:id="rId111"/>
            </p:custDataLst>
          </p:nvPr>
        </p:nvSpPr>
        <p:spPr>
          <a:xfrm>
            <a:off x="10453273" y="5728034"/>
            <a:ext cx="762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0">
                <a:solidFill>
                  <a:srgbClr val="254855"/>
                </a:solidFill>
                <a:latin typeface="Calibri" panose="020F0502020204030204" pitchFamily="34" charset="0"/>
              </a:rPr>
              <a:t>Sea Trial 2</a:t>
            </a:r>
            <a:endParaRPr lang="en-US" sz="1400" b="1" i="1" u="sng" spc="-10" dirty="0">
              <a:solidFill>
                <a:srgbClr val="254855"/>
              </a:solidFill>
              <a:latin typeface="Calibri" panose="020F0502020204030204" pitchFamily="34" charset="0"/>
            </a:endParaRPr>
          </a:p>
        </p:txBody>
      </p:sp>
      <p:sp>
        <p:nvSpPr>
          <p:cNvPr id="34199" name="OTLSHAPE_M_756ee3d9fb93468f81b55b0140335e2a_Date"/>
          <p:cNvSpPr txBox="1"/>
          <p:nvPr>
            <p:custDataLst>
              <p:tags r:id="rId112"/>
            </p:custDataLst>
          </p:nvPr>
        </p:nvSpPr>
        <p:spPr>
          <a:xfrm>
            <a:off x="10669109" y="5588503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>
                <a:solidFill>
                  <a:srgbClr val="55828B"/>
                </a:solidFill>
                <a:latin typeface="Corbel" panose="020B0503020204020204" pitchFamily="34" charset="0"/>
              </a:rPr>
              <a:t>Mar 24</a:t>
            </a:r>
          </a:p>
        </p:txBody>
      </p:sp>
      <p:sp>
        <p:nvSpPr>
          <p:cNvPr id="34201" name="OTLSHAPE_M_1ccf9205e6f2441186be8cf35481de7f_Title"/>
          <p:cNvSpPr txBox="1"/>
          <p:nvPr>
            <p:custDataLst>
              <p:tags r:id="rId113"/>
            </p:custDataLst>
          </p:nvPr>
        </p:nvSpPr>
        <p:spPr>
          <a:xfrm>
            <a:off x="10859288" y="3923661"/>
            <a:ext cx="533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i="1" u="sng" spc="-16" dirty="0">
                <a:solidFill>
                  <a:srgbClr val="254855"/>
                </a:solidFill>
                <a:latin typeface="Calibri" panose="020F0502020204030204" pitchFamily="34" charset="0"/>
              </a:rPr>
              <a:t>Launch</a:t>
            </a:r>
          </a:p>
        </p:txBody>
      </p:sp>
      <p:sp>
        <p:nvSpPr>
          <p:cNvPr id="34202" name="OTLSHAPE_M_1ccf9205e6f2441186be8cf35481de7f_Date"/>
          <p:cNvSpPr txBox="1"/>
          <p:nvPr>
            <p:custDataLst>
              <p:tags r:id="rId114"/>
            </p:custDataLst>
          </p:nvPr>
        </p:nvSpPr>
        <p:spPr>
          <a:xfrm>
            <a:off x="10929117" y="4140704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rgbClr val="55828B"/>
                </a:solidFill>
                <a:latin typeface="Corbel" panose="020B0503020204020204" pitchFamily="34" charset="0"/>
              </a:rPr>
              <a:t>Mar 31</a:t>
            </a:r>
          </a:p>
        </p:txBody>
      </p:sp>
      <p:sp>
        <p:nvSpPr>
          <p:cNvPr id="34265" name="OTLSHAPE_M_8a7cdfa9ea4f414495cf25681bfcb32c_Title">
            <a:extLst>
              <a:ext uri="{FF2B5EF4-FFF2-40B4-BE49-F238E27FC236}">
                <a16:creationId xmlns:a16="http://schemas.microsoft.com/office/drawing/2014/main" id="{3F33F8D9-4178-4662-A128-86A35BADDE4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608787" y="4389454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6" dirty="0">
                <a:solidFill>
                  <a:srgbClr val="BB0A21"/>
                </a:solidFill>
                <a:latin typeface="Calibri" panose="020F0502020204030204" pitchFamily="34" charset="0"/>
              </a:rPr>
              <a:t>Known Risk 3</a:t>
            </a:r>
          </a:p>
        </p:txBody>
      </p:sp>
      <p:sp>
        <p:nvSpPr>
          <p:cNvPr id="34266" name="OTLSHAPE_M_8a7cdfa9ea4f414495cf25681bfcb32c_Date">
            <a:extLst>
              <a:ext uri="{FF2B5EF4-FFF2-40B4-BE49-F238E27FC236}">
                <a16:creationId xmlns:a16="http://schemas.microsoft.com/office/drawing/2014/main" id="{A905BB4F-D798-407D-B936-FEB5428A21B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860141" y="4585372"/>
            <a:ext cx="254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Feb 7</a:t>
            </a:r>
          </a:p>
        </p:txBody>
      </p:sp>
      <p:sp>
        <p:nvSpPr>
          <p:cNvPr id="34294" name="OTLSHAPE_M_b0e9feddec834fc0b310dc67e5874f0b_Title">
            <a:extLst>
              <a:ext uri="{FF2B5EF4-FFF2-40B4-BE49-F238E27FC236}">
                <a16:creationId xmlns:a16="http://schemas.microsoft.com/office/drawing/2014/main" id="{5053CCBF-D94C-4FCE-9685-62F531905A3C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923959" y="4313254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6" dirty="0">
                <a:solidFill>
                  <a:srgbClr val="BB0A21"/>
                </a:solidFill>
                <a:latin typeface="Calibri" panose="020F0502020204030204" pitchFamily="34" charset="0"/>
              </a:rPr>
              <a:t>Known Risk 4</a:t>
            </a:r>
          </a:p>
        </p:txBody>
      </p:sp>
      <p:sp>
        <p:nvSpPr>
          <p:cNvPr id="34295" name="OTLSHAPE_M_b0e9feddec834fc0b310dc67e5874f0b_Date">
            <a:extLst>
              <a:ext uri="{FF2B5EF4-FFF2-40B4-BE49-F238E27FC236}">
                <a16:creationId xmlns:a16="http://schemas.microsoft.com/office/drawing/2014/main" id="{DD7897BF-FCE4-4419-811A-E532CF52544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142313" y="4509172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Mar 11</a:t>
            </a:r>
          </a:p>
        </p:txBody>
      </p:sp>
      <p:sp>
        <p:nvSpPr>
          <p:cNvPr id="34297" name="OTLSHAPE_M_8a8426e75c4a41698c08ea72936c9d0d_Title">
            <a:extLst>
              <a:ext uri="{FF2B5EF4-FFF2-40B4-BE49-F238E27FC236}">
                <a16:creationId xmlns:a16="http://schemas.microsoft.com/office/drawing/2014/main" id="{1ABD4E52-4CDD-4976-98BA-D62917E3895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2823269" y="395943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u="sng" spc="-8" dirty="0">
                <a:solidFill>
                  <a:srgbClr val="BB0A21"/>
                </a:solidFill>
                <a:latin typeface="Calibri" panose="020F0502020204030204" pitchFamily="34" charset="0"/>
              </a:rPr>
              <a:t>Known Risk 1</a:t>
            </a:r>
          </a:p>
        </p:txBody>
      </p:sp>
      <p:sp>
        <p:nvSpPr>
          <p:cNvPr id="34298" name="OTLSHAPE_M_8a8426e75c4a41698c08ea72936c9d0d_Date">
            <a:extLst>
              <a:ext uri="{FF2B5EF4-FFF2-40B4-BE49-F238E27FC236}">
                <a16:creationId xmlns:a16="http://schemas.microsoft.com/office/drawing/2014/main" id="{74A6E415-4615-4B96-8290-F7B7B28DF53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3070855" y="4170887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Sep 20</a:t>
            </a:r>
          </a:p>
        </p:txBody>
      </p:sp>
      <p:sp>
        <p:nvSpPr>
          <p:cNvPr id="57" name="OTLSHAPE_M_9030f16c7b85464b8b94cdd430a5c0b5_Title">
            <a:extLst>
              <a:ext uri="{FF2B5EF4-FFF2-40B4-BE49-F238E27FC236}">
                <a16:creationId xmlns:a16="http://schemas.microsoft.com/office/drawing/2014/main" id="{BD781C72-444A-462A-8F84-5F79FC6B30E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478655" y="395943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8" dirty="0">
                <a:solidFill>
                  <a:srgbClr val="BB0A21"/>
                </a:solidFill>
                <a:latin typeface="Calibri" panose="020F0502020204030204" pitchFamily="34" charset="0"/>
              </a:rPr>
              <a:t>Known Risk 2</a:t>
            </a:r>
          </a:p>
        </p:txBody>
      </p:sp>
      <p:sp>
        <p:nvSpPr>
          <p:cNvPr id="58" name="OTLSHAPE_M_9030f16c7b85464b8b94cdd430a5c0b5_Date">
            <a:extLst>
              <a:ext uri="{FF2B5EF4-FFF2-40B4-BE49-F238E27FC236}">
                <a16:creationId xmlns:a16="http://schemas.microsoft.com/office/drawing/2014/main" id="{1FEB73D4-6FAE-46F8-8C3F-3F1171C97FDD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6729543" y="4170887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dirty="0">
                <a:solidFill>
                  <a:srgbClr val="740615"/>
                </a:solidFill>
                <a:latin typeface="Corbel" panose="020B0503020204020204" pitchFamily="34" charset="0"/>
              </a:rPr>
              <a:t>Dec 18</a:t>
            </a:r>
          </a:p>
        </p:txBody>
      </p:sp>
      <p:sp>
        <p:nvSpPr>
          <p:cNvPr id="165" name="TextBox 164">
            <a:extLst>
              <a:ext uri="{FF2B5EF4-FFF2-40B4-BE49-F238E27FC236}">
                <a16:creationId xmlns:a16="http://schemas.microsoft.com/office/drawing/2014/main" id="{418FEA84-2814-407A-B70F-A980C66CA37E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4499059" y="54119"/>
            <a:ext cx="316493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srgbClr val="011627"/>
                </a:solidFill>
                <a:latin typeface="+mj-lt"/>
              </a:rPr>
              <a:t>Visual Schedule</a:t>
            </a:r>
          </a:p>
        </p:txBody>
      </p:sp>
      <p:pic>
        <p:nvPicPr>
          <p:cNvPr id="42" name="Picture 41" descr="Icon&#10;&#10;Description automatically generated">
            <a:extLst>
              <a:ext uri="{FF2B5EF4-FFF2-40B4-BE49-F238E27FC236}">
                <a16:creationId xmlns:a16="http://schemas.microsoft.com/office/drawing/2014/main" id="{4590D7A5-AFEB-BBA8-73D5-B52CBFC42EC8}"/>
              </a:ext>
            </a:extLst>
          </p:cNvPr>
          <p:cNvPicPr>
            <a:picLocks noChangeAspect="1"/>
          </p:cNvPicPr>
          <p:nvPr/>
        </p:nvPicPr>
        <p:blipFill>
          <a:blip r:embed="rId1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678103" y="538454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7432951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mMTIyMTkyMS02NDg0LTQ4NDItODhmNi05NGRkMTg3YTE4NzQiLCJJbmRleCI6MjMsIkdyb3VwSWQiOm51bGwsIlRpdGxlIjoiU2NoZWR1bGUgUmV2aXNpb24iLCJEYXRlVGltZSI6IjIwMjQtMDktMTBUMjM6NTk6MDAiLCJQZXJjZW50YWdlQ29tcGxldGUiOm51bGwsIk5vdGUiOm51bGwsIlN0eWxlIjp7IiRpZCI6IjYiLCJUaXRsZVBvc2l0aW9uIjoiTGVmdCIsIkRhdGVQb3NpdGlvbiI6IlJpZ2h0IiwiU2hhcGVUeXBlIjo5LCJTaGFwZVNpemUiOjAsIlNwYWNpbmciOjU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SwiRyI6MjIsIkIiOjM5fX0sIklzVmlzaWJsZSI6dHJ1ZSwiV2lkdGgiOjEyLjAsIkhlaWdodCI6MTQ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SwiRm9udE5hbWUiOiJDYWxpYnJpIiwiSXNCb2xkIjpmYWxzZSwiSXNJdGFsaWMiOnRydWUsIklzVW5kZXJsaW5lZCI6ZmFsc2UsIlBhcmVudFN0eWxlIjpudWxsfSwiQXV0b1NpemUiOjIsIkZvcmVncm91bmQiOnsiJGlkIjoiMTciLCJDb2xvciI6eyIkaWQiOiIxOCIsIkEiOjI1NSwiUiI6MSwiRyI6MjIsIkIiOjM5fX0sIk1heFdpZHRoIjo3OS4wLCJNYXhIZWlnaHQiOiJJbmZpbml0eSIsIlNtYXJ0Rm9yZWdyb3VuZElzQWN0aXZlIjpmYWxzZSwiSG9yaXpvbnRhbEFsaWdubWVudCI6Mi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ksIkZvbnROYW1lIjoiQ29yYmVsIiwiSXNCb2xkIjpmYWxzZSwiSXNJdGFsaWMiOmZhbHNlLCJJc1VuZGVybGluZWQiOmZhbHNlLCJQYXJlbnRTdHlsZSI6bnVsbH0sIkF1dG9TaXplIjoyLCJGb3JlZ3JvdW5kIjp7IiRpZCI6Ijg4IiwiQ29sb3IiOnsiJGlkIjoiODkiLCJBIjoyNTUsIlIiOjI5LCJHIjo1MiwiQiI6NDF9fSwiTWF4V2lkdGgiOjI0LjAsIk1heEhlaWdodCI6IkluZmluaXR5IiwiU21hcnRGb3JlZ3JvdW5kSXNBY3RpdmUiOmZhbHNlLCJIb3Jpem9udGFsQWxpZ25tZW50Ijow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eyIkaWQiOiI5NCIsIkxpbmVDb2xvciI6bnVsbCwiTGluZVdlaWdodCI6MC4wLCJMaW5lVHlwZSI6MCwiUGFyZW50U3R5bGUiOm51bGx9LCJQYXJlbnRTdHlsZSI6bnVsbH0sIkRhdGVGb3JtYXQiOnsiJGlkIjoiO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m51bGwsIklzVmlzaWJsZSI6dHJ1ZSwiV2lkdGgiOjAuMCwiSGVpZ2h0IjowLjAsIkJvcmRlclN0eWxlIjpudWxsLCJQYXJlbnRTdHlsZSI6bnVsbH0sIlJlY3RhbmdsZVN0eWxlIjp7IiRpZCI6IjEwNiIsIk1hcmdpbiI6eyIkaWQiOiIxMDciLCJUb3AiOjAuMCwiTGVmdCI6MC4wLCJSaWdodCI6MC4wLCJCb3R0b20iOjAuMH0sIlBhZGRpbmciOnsiJGlkIjoiMTA4IiwiVG9wIjowLjAsIkxlZnQiOjAuMCwiUmlnaHQiOjAuMCwiQm90dG9tIjowLjB9LCJCYWNrZ3JvdW5kIjp7IiRpZCI6IjEwOSIsIkNvbG9yIjp7IiRpZCI6IjExMCIsIkEiOjYzLCJSIjoxMzUsIkciOjE4NywiQiI6MTYyfX0sIklzVmlzaWJsZSI6dHJ1ZSwiV2lkdGgiOjAuMCwiSGVpZ2h0Ijow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3IiwiVG9wIjowLjAsIkxlZnQiOjAuMCwiUmlnaHQiOjAuMCwiQm90dG9tIjowLjB9LCJQYWRkaW5nIjp7IiRpZCI6IjE2OCIsIlRvcCI6MC4wLCJMZWZ0IjowLjAsIlJpZ2h0IjowLjAsIkJvdHRvbSI6MC4wfSwiQmFja2dyb3VuZCI6eyIkaWQiOiIxNjkiLCJDb2xvciI6eyIkcmVmIjoiMTYxIn1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pZCI6IjE3MiIsIiR0eXBlIjoiTkxSRS5Db21tb24uRG9tLlNvbGlkQ29sb3JCcnVzaCwgTkxSRS5Db21tb24iLCJDb2xvciI6eyIkaWQiOiIxNzMiLCJBIjoyNTUsIlIiOjIwNCwiRyI6MjA0LCJCIjoyMDR9fSwiTGluZVdlaWdodCI6MS4wLCJMaW5lVHlwZSI6MCwiUGFyZW50U3R5bGUiOm51bGx9LCJWZXJ0aWNhbENvbm5lY3RvclN0eWxlIjp7IiRpZCI6IjE3NCIsIkxpbmVDb2xvciI6eyIkaWQiOiIxNzUiLCIkdHlwZSI6Ik5MUkUuQ29tbW9uLkRvbS5Tb2xpZENvbG9yQnJ1c2gsIE5MUkUuQ29tbW9uIiwiQ29sb3IiOnsiJGlkIjoiMTc2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k3IiwiVG9wIjowLjAsIkxlZnQiOjAuMCwiUmlnaHQiOjAuMCwiQm90dG9tIjowLjB9LCJQYWRkaW5nIjp7IiRpZCI6IjE5OCIsIlRvcCI6MC4wLCJMZWZ0IjowLjAsIlJpZ2h0IjowLjAsIkJvdHRvbSI6MC4wfSwiQmFja2dyb3VuZCI6eyIkaWQiOiIxOTkiLCJDb2xvciI6eyIkcmVmIjoiMTYxIn19LCJJc1Zpc2libGUiOnRydWUsIldpZHRoIjowLjAsIkhlaWdodCI6MC4wLCJCb3JkZXJTdHlsZSI6eyIkaWQiOiIyMDAiLCJMaW5lQ29sb3IiOm51bGwsIkxpbmVXZWlnaHQiOjAuMCwiTGluZVR5cGUiOjAsIlBhcmVudFN0eWxlIjpudWxsfSwiUGFyZW50U3R5bGUiOm51bGx9LCJEYXRlRm9ybWF0Ijp7IiRpZCI6IjIwMS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IwMiIsIkRhdGVQYXJ0SXNWaXNpYmxlIjpmYWxzZSwiVGltZVBhcnRJc1Zpc2libGUiOmZhbHNlfX0sIldlZWtOdW1iZXJpbmciOnsiJGlkIjoiMjAzIiwiRm9ybWF0IjowLCJJc1Zpc2libGUiOmZhbHNlLCJMYXN0S25vd25WaXNpYmlsaXR5U3RhdGUiOmZhbHNlfSwiSXNWaXNpYmxlIjp0cnVlLCJQYXJlbnRTdHlsZSI6bnVsbCwiX2V4cGxpY2l0bHlTZXQiOnsiJGlkIjoiMjA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0NCIsIkRhdGVQYXJ0SXNWaXNpYmxlIjpmYWxzZSwiVGltZVBhcnRJc1Zpc2libGUiOmZhbHNlfX0sIldlZWtOdW1iZXJpbmciOnsiJGlkIjoiNDQ1IiwiRm9ybWF0IjowLCJJc1Zpc2libGUiOmZhbHNlLCJMYXN0S25vd25WaXNpYmlsaXR5U3RhdGUiOmZhbHNlfSwiSXNWaXNpYmxlIjp0cnVlLCJQYXJlbnRTdHlsZSI6bnVsbH0sIkRlZmF1bHRUYXNrU3R5bGUiOnsiJGlkIjoiNDQ2IiwiU2hhcGUiOjcsIlNoYXBlVGhpY2tuZXNzIjoxLCJEdXJhdGlvbkZvcm1hdCI6MSwiSW5jbHVkZU5vbldvcmtpbmdEYXlzSW5EdXJhdGlvbiI6dHJ1ZSwiUGVyY2VudGFnZUNvbXBsZXRl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UxIiwiVG9wIjowLjAsIkxlZnQiOjAuMCwiUmlnaHQiOjAuMCwiQm90dG9tIjowLjB9LCJQYWRkaW5nIjp7IiRpZCI6IjQ1MiIsIlRvcCI6MC4wLCJMZWZ0IjowLjAsIlJpZ2h0IjowLjAsIkJvdHRvbSI6MC4wfSwiQmFja2dyb3VuZCI6eyIkaWQiOiI0NTMiLCJDb2xvciI6eyIkaWQiOiI0NTQiLCJBIjo4OSwiUiI6MCwiRyI6MCwiQiI6MH19LCJJc1Zpc2libGUiOnRydWUsIldpZHRoIjowLjAsIkhlaWdodCI6MC4wLCJCb3JkZXJTdHlsZSI6bnVsbCwiUGFyZW50U3R5bGUiOm51bGx9LCJEdXJhdGlvbl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0OTQiLCJEYXRlUGFydElzVmlzaWJsZSI6ZmFsc2UsIlRpbWVQYXJ0SXNWaXNpYmxlIjpmYWxzZX19LCJXZWVrTnVtYmVyaW5nIjp7IiRpZCI6IjQ5NSIsIkZvcm1hdCI6MCwiSXNWaXNpYmxlIjpmYWxzZSwiTGFzdEtub3duVmlzaWJpbGl0eVN0YXRlIjpmYWxzZX0sIklzVmlzaWJsZSI6dHJ1ZSwiUGFyZW50U3R5bGUiOm51bGwsIl9leHBsaWNpdGx5U2V0Ijp7IiRpZCI6IjQ5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m51bGx9LCJUaXRsZVN0eWxlIjp7IiRpZCI6IjUwNiIsIkZvbnRTZXR0aW5ncyI6eyIkaWQiOiI1MDciLCJGb250U2l6ZSI6MTIsIkZvbnROYW1lIjoiQ2FsaWJyaSIsIklzQm9sZCI6ZmFsc2UsIklzSXRhbGljIjpmYWxzZSwiSXNVbmRlcmxpbmVkIjpmYWxzZSwiUGFyZW50U3R5bGUiOm51bGx9LCJBdXRvU2l6ZSI6MCwiRm9yZWdyb3VuZCI6eyIkaWQiOiI1MDgiLCJDb2xvciI6eyIkaWQiOiI1M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pZCI6IjYwOCIsIkNvbG9yIjp7IiRpZCI6IjYwOSIsIkEiOjg5LCJSIjowLCJHIjowLCJCIjowfX0sIklzVmlzaWJsZSI6dHJ1ZSwiV2lkdGgiOjAuMCwiSGVpZ2h0IjowLjAsIkJvcmRlclN0eWxlIjpudWxsLCJQYXJlbnRTdHlsZSI6bnVsbH0sIkR1cmF0aW9uU3R5bGUiOnsiJGlkIjoiNjEwIiwiRm9udFNldHRpbmdzIjp7IiRpZCI6IjYxMSIsIkZvbnRTaXplIjoxMCwiRm9udE5hbWUiOiJDYWxpYnJpIiwiSXNCb2xkIjpmYWxzZSwiSXNJdGFsaWMiOmZhbHNlLCJJc1VuZGVybGluZWQiOmZhbHNlLCJQYXJlbnRTdHlsZSI6bnVsbH0sIkF1dG9TaXplIjowLCJGb3JlZ3JvdW5kIjp7IiRpZCI6IjYxMiIsIkNvbG9yIjp7IiRpZCI6IjYx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Y0MiIsIlRvcCI6MC4wLCJMZWZ0IjowLjAsIlJpZ2h0IjowLjAsIkJvdHRvbSI6MC4wfSwiUGFkZGluZyI6eyIkaWQiOiI2NDMiLCJUb3AiOjAuMCwiTGVmdCI6MC4wLCJSaWdodCI6MC4wLCJCb3R0b20iOjAuMH0sIkJhY2tncm91bmQiOnsiJGlkIjoiNjQ0IiwiQ29sb3IiOnsiJHJlZiI6IjYwOSJ9fSwiSXNWaXNpYmxlIjp0cnVlLCJXaWR0aCI6MC4wLCJIZWlnaHQiOjAuMCwiQm9yZGVyU3R5bGUiOm51bGwsIlBhcmVudFN0eWxlIjpudWxsfSwiRGF0ZUZvcm1hdCI6eyIkaWQiOiI2NDU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2NDYiLCJEYXRlUGFydElzVmlzaWJsZSI6ZmFsc2UsIlRpbWVQYXJ0SXNWaXNpYmxlIjpmYWxzZX19LCJXZWVrTnVtYmVyaW5nIjp7IiRpZCI6IjY0NyIsIkZvcm1hdCI6MCwiSXNWaXNpYmxlIjpmYWxzZSwiTGFzdEtub3duVmlzaWJpbGl0eVN0YXRlIjpmYWxzZX0sIklzVmlzaWJsZSI6dHJ1ZSwiUGFyZW50U3R5bGUiOm51bGwsIl9leHBsaWNpdGx5U2V0Ijp7IiRpZCI6IjY0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GlkIjoiNzA0IiwiQ29sb3IiOnsiJGlkIjoiNzA1IiwiQSI6MCwiUiI6MjU1LCJHIjoyNTUsIkIiOjI1NX19LCJJc1Zpc2libGUiOnRydWUsIldpZHRoIjowLjAsIkhlaWdodCI6MC4wLCJCb3JkZXJTdHlsZSI6bnVsbCwiUGFyZW50U3R5bGUiOm51bGx9LCJEYXRlRm9ybWF0Ijp7IiRpZCI6Ijcw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nsiJGlkIjoiODU1IiwiTGluZUNvbG9yIjpudWxsLCJMaW5lV2VpZ2h0IjowLjAsIkxpbmVUeXBlIjowLCJQYXJlbnRTdHlsZSI6bnVsbH0sIlBhcmVudFN0eWxlIjpudWxsfSwiRGF0ZUZvcm1hdCI6eyIkaWQiOiI4N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GlkIjoiMTA4MiIsIkEiOjAsIlIiOjI1NSwiRyI6MjU1LCJCIjoyNTV9fSwiSXNWaXNpYmxlIjp0cnVlLCJXaWR0aCI6MC4wLCJIZWlnaHQiOjAuMCwiQm9yZGVyU3R5bGUiOnsiJGlkIjoiMTA4MyIsIkxpbmVDb2xvciI6bnVsbCwiTGluZVdlaWdodCI6MC4wLCJMaW5lVHlwZSI6MCwiUGFyZW50U3R5bGUiOm51bGx9LCJQYXJlbnRTdHlsZSI6bnVsbH0sIkRhdGVGb3JtYXQiOnsiJGlkIjoiMTA4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291cmNlVGhlbWUiOiJ7XCIkaWRcIjpcIjFcIixcIklkXCI6XCJhNDdjYjJkYy1jMzg5LTRlOTgtOWJmYS04MDkzMjI3OTkyZGV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ixcIlNlZ21lbnRUZXh0U3R5bGVcIjp7XCIkaWRcIjpcIjI0XCIsXCJGb250U2V0dGluZ3NcIjp7XCIkaWRcIjpcIjI1XCIsXCJGb250U2l6ZVwiOjEyLFwiRm9udE5hbWVcIjpcIkNvcmJlbFwiLFwiSXNCb2xkXCI6ZmFsc2UsXCJJc0l0YWxpY1wiOmZhbHNlLFwiSXNVbmRlcmxpbmVkXCI6ZmFsc2V9LFwiRm9yZWdyb3VuZFwiOntcIiRpZFwiOlwiMjZcIixcIkNvbG9yXCI6e1wiJGlkXCI6XCIyN1wiLFwiQVwiOjI1NSxcIlJcIjoyMDEsXCJHXCI6MjI4LFwiQlwiOjIwMn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EzLjAsXCJSaWdodFwiOjEzLjAsXCJCb3R0b21cIjozLjB9LFwiQmFja2dyb3VuZFwiOntcIiRpZFwiOlwiMzFcIixcIkNvbG9yXCI6e1wiJGlkXCI6XCIzMlwiLFwiQVwiOjI1NSxcIlJcIjo1MCxcIkdcIjo5OCxcIkJcIjoxMTV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CxcIkdcIjowLFwiQlwiOjB9fSxcIkVsYXBzZWRUaW1lRm9ybWF0XCI6Mi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kzLFwiR1wiOjExNSxcIkJcIjoxNTR9fSxcIklzVmlzaWJsZVwiOmZhbHNlLFwiV2lkdGhcIjowLjAsXCJIZWlnaHRcIjowLjAsXCJCb3JkZXJTdHlsZVwiOm51bGx9LFwiVGFza1N0eWxlXCI6e1wiJGlkXCI6XCI0NFwiLFwiU2hhcGVcIjo3LFwiU2hhcGVUaGlja25lc3NcIjoxLFwiRHVyYXRpb25Gb3JtYXRcIjox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xMzUsXCJHXCI6MTg3LFwiQlwiOjE2Mn19LFwiSXNWaXNpYmxlXCI6dHJ1ZSxcIldpZHRoXCI6MC4wLFwiSGVpZ2h0XCI6MTY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UsXCJHXCI6MTg3LFwiQlwiOjE2Mn19LFwiSXNWaXNpYmxlXCI6dHJ1ZSxcIldpZHRoXCI6MjQuMCxcIkhlaWdodFwiOjI2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wLFwiU2hhcGVTaXplXCI6MixcIkRldGFpbHNTcGFjaW5nXCI6MC4wLFwiUGFkZGluZ1wiOntcIiRpZFwiOlwiMTA2XCIsXCJUb3BcIjowLjAsXCJMZWZ0XCI6MC4wLFwiUmlnaHRcIjowLjAsXCJCb3R0b21cIjow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xMzUsXCJHXCI6MTg3LFwiQlwiOjE2Mn19LFwiSXNWaXNpYmxlXCI6dHJ1ZSxcIldpZHRoXCI6MjQuMCxcIkhlaWdodFwiOjI2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mUxN2JmMzRmLWNkMzAtNDhkMS04ZWQwLTYzYmE1NzM2YWVjZl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xLFwiR1wiOjIyLFwiQlwiOjM5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TM1LFwiR1wiOjE4NyxcIkJcIjoxNjJ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TM1LFwiR1wiOjE4NyxcIkJcIjoxNjJ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TQyLFwiUlwiOjEzNSxcIkdcIjoxODcsXCJCXCI6MTYy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AsXCJEYXRlUG9zaXRpb25cIjoyLFwiU2hhcGVUeXBlXCI6OSxcIlNoYXBlU2l6ZVwiOjA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MSxcIkdcIjoyMixcIkJcIjozOX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csXCJTaGFwZVRoaWNrbmVzc1wiOjE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M1LFwiR1wiOjE4NyxcIkJcIjoxNjJ9fSxcIklzVmlzaWJsZVwiOnRydWUsXCJXaWR0aFwiOjAuMCxcIkhlaWdodFwiOjE2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E3LFwiU2hhcGVTaXplXCI6MS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zUsXCJHXCI6MTg3LFwiQlwiOjE2Mn19LFwiSXNWaXNpYmxlXCI6dHJ1ZSxcIldpZHRoXCI6MTguMCxcIkhlaWdodFwiOjIw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yLFwiRm9udE5hbWVcIjpcIkNhbGlicmlcIixcIklzQm9sZFwiOmZhbHN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5LFwiRm9udE5hbWVcIjpcIkNvcmJlbFwiLFwiSXNCb2xkXCI6ZmFsc2UsXCJJc0l0YWxpY1wiOmZhbHNlLFwiSXNVbmRlcmxpbmVkXCI6ZmFsc2V9LFwiRm9yZWdyb3VuZFwiOntcIiRpZFwiOlwiMjQzXCIsXCJDb2xvclwiOntcIiRpZFwiOlwiMjQ0XCIsXCJBXCI6MjU1LFwiUlwiOjU1LFwiR1wiOjUzLFwiQlwiOjY5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csXCJHXCI6MTU1LFwiQlwiOjE3NX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5MSxcIkdcIjoxNTUsXCJCXCI6MjEz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xNzU2IiwiVXNlVGltZSI6ZmFsc2UsIldvcmtEYXlTdGFydCI6IjAwOjAwOjAwIiwiV29ya0RheUVuZCI6IjIzOjU5OjAwIn0sIkxhc3RVc2VkVGVtcGxhdGVJZCI6IjRiNjlmYjNlLWZhMTktNDBlNi1iYzhjLTI1YTBmOTFhMzI5MiIsIkxhc3RVc2VkVGhlbWVEZXRhaWxzIjp7IiRpZCI6IjE3NTciLCJJZCI6ImE0N2NiMmRjLWMzODktNGU5OC05YmZhLTgwOTMyMjc5OTJkZSIsIlRpdGxlIjoiVW50aXRsZWQgdGhlbWUiLCJDYXRlZ29yeSI6Mn0sIkZpcnN0V2Vla09mWWVhciI6MCwiUGxhY2VNaWxlc3RvbmVBdFRoZUJlZ2lubmluZ09mVGhlRGF5IjpmYWxzZSwiRGVwZW5kZW5jeVNjaGVkdWxpbmdTZXR0aW5ncyI6eyIkaWQiOiIxNzU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17-08-02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w"/>
  <p:tag name="OTLTIMEBANDSCALETYPE" val="Weeks"/>
  <p:tag name="OTLTIMEBANDSHAPETYPE" val="ModernTimeband"/>
  <p:tag name="OTLTIMEBANDSHAPEHEIGHT" val="30"/>
  <p:tag name="OTLTIMEBANDSHAPEPADDINGLEFT" val="13"/>
  <p:tag name="OTLTIMEBANDENDDATE" val="2025-03-31T23:59:00.0000000"/>
  <p:tag name="OTLLEFTENDCAPSMARGINLEFT" val="49.973333333333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chedule Revis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09-10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chedule Revis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4-11-13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chedule Revision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5-01-19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5-01-27T06:28:00.0000000Z"/>
  <p:tag name="OTLENDDATE" val="2025-02-03T18:46:00.0000000Z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4-12-18T09:14:00.0000000Z"/>
  <p:tag name="OTLENDDATE" val="2025-01-29T00:28:00.0000000Z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4-10-07T22:03:00.0000000Z"/>
  <p:tag name="OTLENDDATE" val="2024-11-24T20:20:00.0000000Z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4-09-18T03:26:00.0000000Z"/>
  <p:tag name="OTLENDDATE" val="2024-10-03T05:29:00.0000000Z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4-08-30T20:21:00.0000000Z"/>
  <p:tag name="OTLENDDATE" val="2024-09-22T21:06:00.0000000Z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Regular"/>
  <p:tag name="OTLWEEKNUMBERINGFORMAT" val="WNFormat1"/>
  <p:tag name="OTLWEEKNUMBERINGISVISIBLE" val="False"/>
  <p:tag name="OTLSTARTDATE" val="2024-08-05T23:43:00.0000000Z"/>
  <p:tag name="OTLENDDATE" val="2024-08-31T23:37:00.0000000Z"/>
  <p:tag name="OTLDURATIONFORMAT" val="weeks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5-02-04T01:04:00.0000000Z"/>
  <p:tag name="OTLENDDATE" val="2025-03-23T22:19:00.0000000Z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4-12-10T09:40:00.0000000Z"/>
  <p:tag name="OTLENDDATE" val="2024-12-18T13:31:00.0000000Z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.dd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4-11-24T03:57:00.0000000Z"/>
  <p:tag name="OTLENDDATE" val="2024-12-13T22:56:00.0000000Z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l Blocks Complete"/>
  <p:tag name="OTLPOSITIONONTASK" val="None"/>
  <p:tag name="OTLRELATEDTASKID" val="00000000-0000-0000-0000-000000000000"/>
  <p:tag name="OTLWEEKNUMBERINGFORMAT" val="WNFormat1"/>
  <p:tag name="OTLWEEKNUMBERINGISVISIBLE" val="False"/>
  <p:tag name="OTLDATE" val="2024-11-25T23:59:00.0000000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avigation Installation Done"/>
  <p:tag name="OTLPOSITIONONTASK" val="None"/>
  <p:tag name="OTLRELATEDTASKID" val="00000000-0000-0000-0000-000000000000"/>
  <p:tag name="OTLWEEKNUMBERINGFORMAT" val="WNFormat1"/>
  <p:tag name="OTLWEEKNUMBERINGISVISIBLE" val="False"/>
  <p:tag name="OTLDATE" val="2025-01-21T23:59:00.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djusters"/>
  <p:tag name="OTLPOSITIONONTASK" val="None"/>
  <p:tag name="OTLRELATEDTASKID" val="00000000-0000-0000-0000-000000000000"/>
  <p:tag name="OTLWEEKNUMBERINGFORMAT" val="WNFormat1"/>
  <p:tag name="OTLWEEKNUMBERINGISVISIBLE" val="False"/>
  <p:tag name="OTLDATE" val="2024-10-26T23:59:00.0000000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trol Systems"/>
  <p:tag name="OTLPOSITIONONTASK" val="None"/>
  <p:tag name="OTLRELATEDTASKID" val="00000000-0000-0000-0000-000000000000"/>
  <p:tag name="OTLWEEKNUMBERINGFORMAT" val="WNFormat1"/>
  <p:tag name="OTLWEEKNUMBERINGISVISIBLE" val="False"/>
  <p:tag name="OTLDATE" val="2024-12-26T23:59:00.0000000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eel Cutting"/>
  <p:tag name="OTLPOSITIONONTASK" val="None"/>
  <p:tag name="OTLRELATEDTASKID" val="00000000-0000-0000-0000-000000000000"/>
  <p:tag name="OTLWEEKNUMBERINGFORMAT" val="WNFormat1"/>
  <p:tag name="OTLWEEKNUMBERINGISVISIBLE" val="False"/>
  <p:tag name="OTLDATE" val="2024-08-28T23:59:00.0000000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nown Risk 2"/>
  <p:tag name="OTLPOSITIONONTASK" val="None"/>
  <p:tag name="OTLRELATEDTASKID" val="00000000-0000-0000-0000-000000000000"/>
  <p:tag name="OTLWEEKNUMBERINGFORMAT" val="WNFormat1"/>
  <p:tag name="OTLWEEKNUMBERINGISVISIBLE" val="False"/>
  <p:tag name="OTLDATE" val="2024-12-18T23:59:00.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nown Risk 1"/>
  <p:tag name="OTLPOSITIONONTASK" val="Above"/>
  <p:tag name="OTLRELATEDTASKID" val="00000000-0000-0000-0000-000000000000"/>
  <p:tag name="OTLWEEKNUMBERINGFORMAT" val="WNFormat1"/>
  <p:tag name="OTLWEEKNUMBERINGISVISIBLE" val="False"/>
  <p:tag name="OTLDATE" val="2024-09-20T23:59:00.0000000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nown Risk 3"/>
  <p:tag name="OTLPOSITIONONTASK" val="Center"/>
  <p:tag name="OTLRELATEDTASKID" val="00000000-0000-0000-0000-000000000000"/>
  <p:tag name="OTLWEEKNUMBERINGFORMAT" val="WNFormat1"/>
  <p:tag name="OTLWEEKNUMBERINGISVISIBLE" val="False"/>
  <p:tag name="OTLDATE" val="2025-02-07T23:59:00.000000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nown Risk 4"/>
  <p:tag name="OTLPOSITIONONTASK" val="Center"/>
  <p:tag name="OTLRELATEDTASKID" val="00000000-0000-0000-0000-000000000000"/>
  <p:tag name="OTLWEEKNUMBERINGFORMAT" val="WNFormat1"/>
  <p:tag name="OTLWEEKNUMBERINGISVISIBLE" val="False"/>
  <p:tag name="OTLDATE" val="2025-03-11T23:59:00.000000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Kick-Off"/>
  <p:tag name="OTLPOSITIONONTASK" val="None"/>
  <p:tag name="OTLRELATEDTASKID" val="00000000-0000-0000-0000-000000000000"/>
  <p:tag name="OTLWEEKNUMBERINGFORMAT" val="WNFormat1"/>
  <p:tag name="OTLWEEKNUMBERINGISVISIBLE" val="False"/>
  <p:tag name="OTLDATE" val="2024-08-04T23:59:00.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aunch"/>
  <p:tag name="OTLPOSITIONONTASK" val="None"/>
  <p:tag name="OTLRELATEDTASKID" val="00000000-0000-0000-0000-000000000000"/>
  <p:tag name="OTLWEEKNUMBERINGFORMAT" val="WNFormat1"/>
  <p:tag name="OTLWEEKNUMBERINGISVISIBLE" val="False"/>
  <p:tag name="OTLDATE" val="2025-03-31T23:59:00.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a Trial 1"/>
  <p:tag name="OTLPOSITIONONTASK" val="None"/>
  <p:tag name="OTLRELATEDTASKID" val="00000000-0000-0000-0000-000000000000"/>
  <p:tag name="OTLWEEKNUMBERINGFORMAT" val="WNFormat1"/>
  <p:tag name="OTLWEEKNUMBERINGISVISIBLE" val="False"/>
  <p:tag name="OTLDATE" val="2025-03-11T23:59:00.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a Trial 2"/>
  <p:tag name="OTLPOSITIONONTASK" val="None"/>
  <p:tag name="OTLRELATEDTASKID" val="00000000-0000-0000-0000-000000000000"/>
  <p:tag name="OTLWEEKNUMBERINGFORMAT" val="WNFormat1"/>
  <p:tag name="OTLWEEKNUMBERINGISVISIBLE" val="False"/>
  <p:tag name="OTLDATE" val="2025-03-24T23:59:00.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6</Words>
  <Application>Microsoft Office PowerPoint</Application>
  <PresentationFormat>Widescreen</PresentationFormat>
  <Paragraphs>76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Corbel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1-15T12:38:15Z</dcterms:created>
  <dcterms:modified xsi:type="dcterms:W3CDTF">2024-10-16T14:00:38Z</dcterms:modified>
</cp:coreProperties>
</file>